
<file path=[Content_Types].xml><?xml version="1.0" encoding="utf-8"?>
<Types xmlns="http://schemas.openxmlformats.org/package/2006/content-types">
  <Override PartName="/xl/theme/theme1.xml" ContentType="application/vnd.openxmlformats-officedocument.theme+xml"/>
  <Override PartName="/xl/styles.xml" ContentType="application/vnd.openxmlformats-officedocument.spreadsheetml.styles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app.xml" ContentType="application/vnd.openxmlformats-officedocument.extended-properties+xml"/>
  <Override PartName="/xl/worksheets/sheet2.xml" ContentType="application/vnd.openxmlformats-officedocument.spreadsheetml.worksheet+xml"/>
  <Override PartName="/xl/connections.xml" ContentType="application/vnd.openxmlformats-officedocument.spreadsheetml.connections+xml"/>
  <Override PartName="/xl/worksheets/sheet1.xml" ContentType="application/vnd.openxmlformats-officedocument.spreadsheetml.worksheet+xml"/>
  <Override PartName="/xl/sharedStrings.xml" ContentType="application/vnd.openxmlformats-officedocument.spreadsheetml.sharedStr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7"/>
  <workbookPr autoCompressPictures="0" defaultThemeVersion="124226"/>
  <bookViews>
    <workbookView xWindow="120" yWindow="105" windowWidth="18915" windowHeight="8505"/>
  </bookViews>
  <sheets>
    <sheet name="Einzel-Erkrankungen" sheetId="8" r:id="rId1"/>
    <sheet name="Klassifikation" sheetId="9" r:id="rId2"/>
  </sheets>
  <calcPr calcId="125725" concurrentCalc="0"/>
  <extLst>
    <ext xmlns:mx="http://schemas.microsoft.com/office/mac/excel/2008/main" uri="{7523E5D3-25F3-A5E0-1632-64F254C22452}">
      <mx:ArchID Flags="2"/>
    </ext>
  </extLst>
</workbook>
</file>

<file path=xl/connections.xml><?xml version="1.0" encoding="utf-8"?>
<connections xmlns="http://schemas.openxmlformats.org/spreadsheetml/2006/main">
  <connection id="1" name="rare_renal_diseases_en_product3_188" type="4" refreshedVersion="0" background="1">
    <webPr xml="1" sourceData="1" url="C:\Users\till.voigtlaender\Desktop\back-up 251012\t_voigtlaender\ccrd-gög\Nationaler Aktionsplan\disease_groups\classifications_rare_diseases_orphanet\s2\rare_renal_diseases_en_product3_188.xml" htmlTables="1" htmlFormat="all"/>
  </connection>
</connections>
</file>

<file path=xl/sharedStrings.xml><?xml version="1.0" encoding="utf-8"?>
<sst xmlns="http://schemas.openxmlformats.org/spreadsheetml/2006/main" count="507" uniqueCount="481">
  <si>
    <t>Rare renal disease</t>
  </si>
  <si>
    <t>Fachgesellschaft (FG) für:</t>
  </si>
  <si>
    <t>Name:</t>
  </si>
  <si>
    <t xml:space="preserve">Institution: </t>
  </si>
  <si>
    <t>Nr.</t>
  </si>
  <si>
    <t>ORPHA Code</t>
  </si>
  <si>
    <r>
      <t xml:space="preserve">SE betrifft das oben genannte Fach </t>
    </r>
    <r>
      <rPr>
        <b/>
        <sz val="10"/>
        <color theme="0"/>
        <rFont val="Calibri"/>
        <family val="2"/>
        <scheme val="minor"/>
      </rPr>
      <t xml:space="preserve">                      (bitte ankreuzen)</t>
    </r>
  </si>
  <si>
    <t>Weitere Anmerkungen</t>
  </si>
  <si>
    <t>• Renal or urinary tract malformation</t>
  </si>
  <si>
    <t>• Nonsyndromic renal or urinary tract malformation</t>
  </si>
  <si>
    <t>• Multicystic renal dysplasia</t>
  </si>
  <si>
    <t>• Unilateral multicystic renal dysplasia</t>
  </si>
  <si>
    <t>• Bilateral multicystic renal dysplasia</t>
  </si>
  <si>
    <t>• Prune belly syndrome</t>
  </si>
  <si>
    <t>• Partial prune belly syndrome</t>
  </si>
  <si>
    <t>• Exstrophy-epispadias complex</t>
  </si>
  <si>
    <t>• Epispadias</t>
  </si>
  <si>
    <t>• Cloacal exstrophy</t>
  </si>
  <si>
    <t>• Bladder exstrophy</t>
  </si>
  <si>
    <t>• Congenital hydronephrosis</t>
  </si>
  <si>
    <t>• Bilateral renal agenesis</t>
  </si>
  <si>
    <t>• Renal tubular dysgenesis</t>
  </si>
  <si>
    <t>• Renal tubular dysgenesis due to twin-twin transfusion</t>
  </si>
  <si>
    <t>• Renal tubular dysgenesis drugs-related</t>
  </si>
  <si>
    <t>• Renal tubular dysgenesis of genetic origin</t>
  </si>
  <si>
    <t>• Medullary sponge kidney</t>
  </si>
  <si>
    <t>• Oligomeganephronia</t>
  </si>
  <si>
    <t>• Atresia of urethra</t>
  </si>
  <si>
    <t>• Duplication of urethra</t>
  </si>
  <si>
    <t>• Congenital primary megaureter</t>
  </si>
  <si>
    <t>• Primary megaureter, adult-onset form</t>
  </si>
  <si>
    <t>• Congenital primary megaureter, obstructed form</t>
  </si>
  <si>
    <t>• Congenital primary megaureter, refluxing form</t>
  </si>
  <si>
    <t>• Congenital primary megaureter, nonrefluxing and unobstructed form</t>
  </si>
  <si>
    <t>• Urachal cyst</t>
  </si>
  <si>
    <t>• Unilateral renal agenesis</t>
  </si>
  <si>
    <t>• Renal hypoplasia</t>
  </si>
  <si>
    <t>• Unilateral renal hypoplasia</t>
  </si>
  <si>
    <t>• Bilateral renal hypoplasia</t>
  </si>
  <si>
    <t>• Renal dysplasia</t>
  </si>
  <si>
    <t>• Unilateral renal dysplasia</t>
  </si>
  <si>
    <t>• Bilateral renal dysplasia</t>
  </si>
  <si>
    <t>• Congenital megacalycosis</t>
  </si>
  <si>
    <t>• Unilateral congenital megacalycosis</t>
  </si>
  <si>
    <t>• Congenital bilateral megacalycosis</t>
  </si>
  <si>
    <t>• Posterior urethral valve</t>
  </si>
  <si>
    <t>• Megacystis-megaureter syndrome</t>
  </si>
  <si>
    <t>• Syndromic renal or urinary tract malformation</t>
  </si>
  <si>
    <t>• Turner syndrome</t>
  </si>
  <si>
    <t>• Monosomy X</t>
  </si>
  <si>
    <t>• Mosaic monosomy X</t>
  </si>
  <si>
    <t>• Turner syndrome due to structural X chromosome anomalies</t>
  </si>
  <si>
    <t>• CHARGE syndrome</t>
  </si>
  <si>
    <t>• Down syndrome</t>
  </si>
  <si>
    <t>• 22q11.2 deletion syndrome</t>
  </si>
  <si>
    <t>• Rubinstein-Taybi syndrome</t>
  </si>
  <si>
    <t>• Noonan syndrome</t>
  </si>
  <si>
    <t>• Townes-Brocks syndrome</t>
  </si>
  <si>
    <t>• WAGR syndrome</t>
  </si>
  <si>
    <t>• BOR syndrome</t>
  </si>
  <si>
    <t>• Cat-eye syndrome</t>
  </si>
  <si>
    <t>• Alagille syndrome</t>
  </si>
  <si>
    <t>• Alagille syndrome due to a NOTCH2 point mutation</t>
  </si>
  <si>
    <t>• Alagille syndrome due to 20p12 microdeletion</t>
  </si>
  <si>
    <t>• Alagille syndrome due to a JAG1 point mutation</t>
  </si>
  <si>
    <t>• Beckwith-Wiedemann syndrome</t>
  </si>
  <si>
    <t>• Beckwith-Wiedemann syndrome due to 11p15 microduplication</t>
  </si>
  <si>
    <t>• Beckwith-Wiedemann syndrome due to paternal uniparental disomy of chromosome 11</t>
  </si>
  <si>
    <t>• Beckwith-Wiedemann syndrome due to imprinting defect of 11p15</t>
  </si>
  <si>
    <t>• Beckwith-Wiedemann syndrome due to CDKN1C mutation</t>
  </si>
  <si>
    <t>• Beckwith-Wiedemann syndrome due to 11p15 microdeletion</t>
  </si>
  <si>
    <t>• Beckwith-Wiedemann syndrome due to 11p15 translocation/inversion</t>
  </si>
  <si>
    <t>• Beckwith-Wiedemann syndrome due to NSD1 mutation</t>
  </si>
  <si>
    <t>• Meckel syndrome</t>
  </si>
  <si>
    <t>• Jeune syndrome</t>
  </si>
  <si>
    <t>• Trisomy 13</t>
  </si>
  <si>
    <t>• Trisomy 18</t>
  </si>
  <si>
    <t>• VACTERL/VATER association</t>
  </si>
  <si>
    <t>• Simpson-Golabi-Behmel syndrome</t>
  </si>
  <si>
    <t>• Caudal regression sequence</t>
  </si>
  <si>
    <t>• Fraser syndrome</t>
  </si>
  <si>
    <t>• Acroosteolysis dominant type</t>
  </si>
  <si>
    <t>• Acro-pectoro-renal dysplasia</t>
  </si>
  <si>
    <t>• Acrorenal syndrome</t>
  </si>
  <si>
    <t>• Aniridia - renal agenesis - psychomotor retardation</t>
  </si>
  <si>
    <t>• Renal-genital-middle ear anomalies</t>
  </si>
  <si>
    <t>• AREDYLD syndrome</t>
  </si>
  <si>
    <t>• Cataract - nephropathy - encephalopathy</t>
  </si>
  <si>
    <t>• Cerebro-reno-digital syndrome</t>
  </si>
  <si>
    <t>• Cranioectodermal dysplasia</t>
  </si>
  <si>
    <t>• Craniosynostosis - synostoses - hypertensive nephropathy</t>
  </si>
  <si>
    <t>• Dyschondrosteosis - nephritis</t>
  </si>
  <si>
    <t>• Axial mesodermal dysplasia spectrum</t>
  </si>
  <si>
    <t>• Renal dysplasia - megalocystis - sirenomelia</t>
  </si>
  <si>
    <t>• EEC syndrome</t>
  </si>
  <si>
    <t>• Faciocardiorenal syndrome</t>
  </si>
  <si>
    <t>• Hydrocephalus - blue sclerae - nephropathy</t>
  </si>
  <si>
    <t>• Hypoparathyroidism - deafness - renal disease</t>
  </si>
  <si>
    <t>• Megacystis-microcolon-intestinal hypoperistalsis syndrome</t>
  </si>
  <si>
    <t>• Fibulo-ulnar hypoplasia - renal anomalies</t>
  </si>
  <si>
    <t>• Pallister-Hall syndrome</t>
  </si>
  <si>
    <t>• Ichthyosis - intellectual deficit - dwarfism - renal impairment</t>
  </si>
  <si>
    <t>• Nephrosis - deafness - urinary tract - digital malformations</t>
  </si>
  <si>
    <t>• Renal coloboma syndrome</t>
  </si>
  <si>
    <t>• Neurofaciodigitorenal syndrome</t>
  </si>
  <si>
    <t>• Arthrogryposis - renal dysfunction - cholestasis</t>
  </si>
  <si>
    <t>• Ochoa syndrome</t>
  </si>
  <si>
    <t>• Oculo-skeletal-renal syndrome</t>
  </si>
  <si>
    <t>• Oral-facial-digital syndrome type 1</t>
  </si>
  <si>
    <t>• Multicentric carpo-tarsal osteolysis with or without nephropathy</t>
  </si>
  <si>
    <t>• Spastic paraplegia - nephritis - deafness</t>
  </si>
  <si>
    <t>• NPHP3-related Meckel-like syndrome</t>
  </si>
  <si>
    <t>• Mayer-Rokitansky-Küster-Hauser syndrome</t>
  </si>
  <si>
    <t>• MURCS association</t>
  </si>
  <si>
    <t>• Atypical Mayer-Rokitansky-Küster-Hauser syndrome</t>
  </si>
  <si>
    <t>• Classic Mayer-Rokitansky-Küster-Hauser syndrome</t>
  </si>
  <si>
    <t>• Schinzel-Giedion syndrome</t>
  </si>
  <si>
    <t>• Holoprosencephaly - radial heart renal anomalies</t>
  </si>
  <si>
    <t>• Thomas syndrome</t>
  </si>
  <si>
    <t>• Thymic-renal-anal-lung dysplasia</t>
  </si>
  <si>
    <t>• Thyrocerebrorenal syndrome</t>
  </si>
  <si>
    <t>• Ulbright-Hodes syndrome</t>
  </si>
  <si>
    <t>• Atherosclerosis- deafness - diabetes - epilepsy - nephropathy</t>
  </si>
  <si>
    <t>• Infundibulopelvic stenosis - multicystic kidney</t>
  </si>
  <si>
    <t>• Bardet-Biedl syndrome</t>
  </si>
  <si>
    <t>• Double uterus - hemivagina - renal agenesis</t>
  </si>
  <si>
    <t>• Smith-Lemli-Opitz syndrome</t>
  </si>
  <si>
    <t>• HERNS syndrome</t>
  </si>
  <si>
    <t>• Renal nutcracker syndrome</t>
  </si>
  <si>
    <t>• Renal cysts and diabetes syndrome</t>
  </si>
  <si>
    <t>• Ivemark syndrome</t>
  </si>
  <si>
    <t>• Saldino-Mainzer syndrome</t>
  </si>
  <si>
    <t>• BNAR syndrome</t>
  </si>
  <si>
    <t>• Renal-hepatic-pancreatic dysplasia</t>
  </si>
  <si>
    <t>• Glomerular disease</t>
  </si>
  <si>
    <t>• Basement membrane disease</t>
  </si>
  <si>
    <t>• Alport syndrome</t>
  </si>
  <si>
    <t>• X-linked Alport syndrome</t>
  </si>
  <si>
    <t>• Autosomal dominant Alport syndrome</t>
  </si>
  <si>
    <t>• Autosomal recessive Alport syndrome</t>
  </si>
  <si>
    <t>• X-linked diffuse leiomyomatosis -  Alport syndrome</t>
  </si>
  <si>
    <t>• Autosomal dominant familial hematuria - retinal arteriolar tortuosity - contractures</t>
  </si>
  <si>
    <t>• Nephrotic syndrome-deafness-pretibial epidermolysis bullosa syndrome</t>
  </si>
  <si>
    <t>• Congenital nephrotic syndrome-interstitial lung disease-epidermolysis bullosa syndrome</t>
  </si>
  <si>
    <t>• Secondary glomerular disease</t>
  </si>
  <si>
    <t>• Polymyositis</t>
  </si>
  <si>
    <t>• Juvenile polymyositis</t>
  </si>
  <si>
    <t>• Dermatomyositis</t>
  </si>
  <si>
    <t>• Juvenile dermatomyositis</t>
  </si>
  <si>
    <t>• Behcet disease</t>
  </si>
  <si>
    <t>• Sarcoidosis</t>
  </si>
  <si>
    <t>• Churg-Strauss syndrome</t>
  </si>
  <si>
    <t>• Goodpasture syndrome</t>
  </si>
  <si>
    <t>• Henoch-Schönlein purpura</t>
  </si>
  <si>
    <t>• Microscopic polyangiitis</t>
  </si>
  <si>
    <t>• Wegener granulomatosis</t>
  </si>
  <si>
    <t>• Kawasaki disease</t>
  </si>
  <si>
    <t>• Takayasu arteritis</t>
  </si>
  <si>
    <t>• Giant cell arteritis</t>
  </si>
  <si>
    <t>• Rhizomelic pseudopolyarthritis</t>
  </si>
  <si>
    <t>• Familial mediterranean fever</t>
  </si>
  <si>
    <t>• Muckle-Wells syndrome</t>
  </si>
  <si>
    <t>• Polyarteritis nodosa</t>
  </si>
  <si>
    <t>• Pediatric polyarteritis nodosa</t>
  </si>
  <si>
    <t>• Mixed connective tissue disease</t>
  </si>
  <si>
    <t>• Adult Still's disease</t>
  </si>
  <si>
    <t>• Reynolds syndrome</t>
  </si>
  <si>
    <t>• Susac syndrome</t>
  </si>
  <si>
    <t>• Relapsing polychondritis</t>
  </si>
  <si>
    <t>• Buerger's disease</t>
  </si>
  <si>
    <t>• Hypocomplementemic leucocytoclasic vasculitis</t>
  </si>
  <si>
    <t>• Collagen type III glomerulopathy</t>
  </si>
  <si>
    <t>• Primary amyloidosis</t>
  </si>
  <si>
    <t>• Primary systemic amyloidosis</t>
  </si>
  <si>
    <t>• Primary localized amyloidosis</t>
  </si>
  <si>
    <t>• Secondary amyloidosis</t>
  </si>
  <si>
    <t>• Familial renal amyloidosis</t>
  </si>
  <si>
    <t>• Familial renal amyloidosis due to Apolipoprotein AI variant</t>
  </si>
  <si>
    <t>• Familial renal amyloidosis due to lysozyme variant</t>
  </si>
  <si>
    <t>• Familial renal amyloidosis due to fibrinogen A alpha-chain variant</t>
  </si>
  <si>
    <t>• Familial renal amyloidosis due to Apolipoprotein AII variant</t>
  </si>
  <si>
    <t>• Non-amyloid monoclonal immunoglobulin deposition disease</t>
  </si>
  <si>
    <t>• Heavy chain deposition disease</t>
  </si>
  <si>
    <t>• Light and heavy chain deposition disease</t>
  </si>
  <si>
    <t>• Light chain deposition disease</t>
  </si>
  <si>
    <t>• Systemic sclerosis</t>
  </si>
  <si>
    <t>• Pediatric systemic sclerosis</t>
  </si>
  <si>
    <t>• Diffuse cutaneous systemic sclerosis</t>
  </si>
  <si>
    <t>• Limited cutaneous systemic sclerosis</t>
  </si>
  <si>
    <t>• CREST syndrome</t>
  </si>
  <si>
    <t>• Limited systemic sclerosis</t>
  </si>
  <si>
    <t>• Immunotactoid or fibrillary glomerulopathy</t>
  </si>
  <si>
    <t>• Nonamyloid fibrillary glomerulopathy</t>
  </si>
  <si>
    <t>• Immunotactoid glomerulopathy</t>
  </si>
  <si>
    <t>• Mixed cryoglobulinemia</t>
  </si>
  <si>
    <t>• Type II mixed cryoglobulinemia</t>
  </si>
  <si>
    <t>• Type III mixed cryoglobulinemia</t>
  </si>
  <si>
    <t>• Pauci-immune glomerulonephritis</t>
  </si>
  <si>
    <t>• Pauci-immune glomerulonephritis with ANCA</t>
  </si>
  <si>
    <t>• Pauci-immune glomerulonephritis without ANCA</t>
  </si>
  <si>
    <t>• Pediatric systemic lupus erythematosus</t>
  </si>
  <si>
    <t>• Complement component receptor 1 deficiency</t>
  </si>
  <si>
    <t>• C3 deposition glomerulonephritis without proliferation</t>
  </si>
  <si>
    <t>• Pediatric Sjögren syndrome</t>
  </si>
  <si>
    <t>• Unclassified glomerulonephritis</t>
  </si>
  <si>
    <t>• Primary glomerular disease</t>
  </si>
  <si>
    <t>• Nail-patella syndrome</t>
  </si>
  <si>
    <t>• Schimke immuno-osseous dysplasia</t>
  </si>
  <si>
    <t>• Galloway-Mowat syndrome</t>
  </si>
  <si>
    <t>• Glomerulonephritis - sparse hair - telangiectasis</t>
  </si>
  <si>
    <t>• Nail patella-like - renal disease</t>
  </si>
  <si>
    <t>• Pierson syndrome</t>
  </si>
  <si>
    <t>• Familial idiopathic steroid-resistant nephrotic syndrome</t>
  </si>
  <si>
    <t>• Familial idiopathic steroid-resistant nephrotic syndrome with focal segmental hyalinosis</t>
  </si>
  <si>
    <t>• Familial idiopathic steroid-resistant nephrotic syndrome with diffuse mesangial proliferation</t>
  </si>
  <si>
    <t>• Familial idiopathic steroid-resistant nephrotic syndrome with minimal changes</t>
  </si>
  <si>
    <t>• Familial idiopathic steroid-resistant nephrotic syndrome with diffuse mesangial sclerosis</t>
  </si>
  <si>
    <t>• Denys-Drash syndrome</t>
  </si>
  <si>
    <t>• Frasier syndrome</t>
  </si>
  <si>
    <t>• Membranoproliferative glomerulonephritis</t>
  </si>
  <si>
    <t>• Membranoproliferative glomerulonephritis type 1</t>
  </si>
  <si>
    <t>• Membranoproliferative glomerulonephritis type 2</t>
  </si>
  <si>
    <t>• Membranoproliferative glomerulonephritis type 3</t>
  </si>
  <si>
    <t>• Idiopathic steroid-sensitive nephrotic syndrome</t>
  </si>
  <si>
    <t>• Idiopathic steroid-sensitive nephrotic syndrome with focal segmental hyalinosis</t>
  </si>
  <si>
    <t>• Steroid-sensitive nephrotic syndrome without renal biopsy</t>
  </si>
  <si>
    <t>• Membranous congenital glomerulonephritis due to anti-maternal neutral endopeptidase alloimmunisation</t>
  </si>
  <si>
    <t>• Neonatal membranous glomerulopathy with maternal NEP deficiency</t>
  </si>
  <si>
    <t>• Fibronectin glomerulopathy</t>
  </si>
  <si>
    <t>• Sporadic idiopathic steroid-resistant nephrotic syndrome</t>
  </si>
  <si>
    <t>• Sporadic idiopathic steroid-resistant nephrotic syndrome with focal segmental hyalinosis</t>
  </si>
  <si>
    <t>• Sporadic idiopathic steroid-resistant nephrotic syndrome with diffuse mesangial sclerosis</t>
  </si>
  <si>
    <t>• Sporadic idiopathic steroid-resistant nephrotic syndrome with minimal changes</t>
  </si>
  <si>
    <t>• Sporadic idiopathic steroid-resistant nephrotic syndrome with diffuse mesangial proliferation</t>
  </si>
  <si>
    <t>• Sporadic idiopathic steroid-resistant nephrotic syndrome with collapsing glomerulopathy</t>
  </si>
  <si>
    <t>• Autosomal dominant intermediate Charcot-Marie-Tooth disease type E</t>
  </si>
  <si>
    <t>• Congenital and infantile nephrotic syndrome</t>
  </si>
  <si>
    <t>• Congenital nephrotic syndrome, Finnish type</t>
  </si>
  <si>
    <t>• LAMB-2-related infantile-onset nephrotic syndrome</t>
  </si>
  <si>
    <t>• Chronic proteinuria with focal and segmental hyalinosis</t>
  </si>
  <si>
    <t>• Idiopathic membranous glomerulonephritis</t>
  </si>
  <si>
    <t>• Action myoclonus - renal failure syndrome</t>
  </si>
  <si>
    <t>• MYH9-related thrombocytopenia</t>
  </si>
  <si>
    <t>• May-Hegglin thrombocytopenia</t>
  </si>
  <si>
    <t>• Fechtner syndrome</t>
  </si>
  <si>
    <t>• Epstein syndrome</t>
  </si>
  <si>
    <t>• Sebastian syndrome</t>
  </si>
  <si>
    <t>• Familial steroid-resistant nephrotic syndrome with sensorineural deafness</t>
  </si>
  <si>
    <t>• Rapidly progressive glomerulonephritis</t>
  </si>
  <si>
    <t>• Thrombotic microangiopathy</t>
  </si>
  <si>
    <t>• Atypical hemolytic uremic syndrome</t>
  </si>
  <si>
    <t>• Atypical hemolytic uremic syndrome with C3 anomaly</t>
  </si>
  <si>
    <t>• Atypical hemolytic uremic syndrome with MCP/CD46 anomaly</t>
  </si>
  <si>
    <t>• Atypical hemolytic uremic syndrome with B factor anomaly</t>
  </si>
  <si>
    <t>• Atypical hemolytic uremic syndrome with H factor anomaly</t>
  </si>
  <si>
    <t>• Atypical hemolytic uremic syndrome with I factor anomaly</t>
  </si>
  <si>
    <t>• Atypical hemolytic uremic syndrome with antibody anti-factor H</t>
  </si>
  <si>
    <t>• Atypical hemolytic uremic syndrome with thrombomodulin anomaly</t>
  </si>
  <si>
    <t>• Methylcobalamin deficiency type cblG</t>
  </si>
  <si>
    <t>• Thrombotic thrombocytopenic purpura</t>
  </si>
  <si>
    <t>• Congenital thrombotic thrombocytopenic purpura due to ADAMTS-13 deficiency</t>
  </si>
  <si>
    <t>• Acquired thrombotic thrombocytopenic purpura</t>
  </si>
  <si>
    <t>• Typical hemolytic uremic syndrome</t>
  </si>
  <si>
    <t>• Familial cystic renal disease</t>
  </si>
  <si>
    <t>• Autosomal recessive polycystic kidney disease</t>
  </si>
  <si>
    <t>• Von Hippel-Lindau disease</t>
  </si>
  <si>
    <t>• Joubert syndrome with oculorenal defect</t>
  </si>
  <si>
    <t>• Tuberous sclerosis</t>
  </si>
  <si>
    <t>• Senior-Loken syndrome</t>
  </si>
  <si>
    <t>• Adult familial nephronophtisis - spastic quadriparesia</t>
  </si>
  <si>
    <t>• Autosomal recessive medullary cystic kidney disease</t>
  </si>
  <si>
    <t>• Late-onset autosomal recessive medullary cystic kidney disease</t>
  </si>
  <si>
    <t>• Infantile autosomal recessive medullary cystic kidney disease</t>
  </si>
  <si>
    <t>• Juvenile autosomal recessive medullary cystic kidney disease</t>
  </si>
  <si>
    <t>• Autosomal dominant medullary cystic kidney disease with or without hyperuricemia</t>
  </si>
  <si>
    <t>• Autosomal dominant medullary cystic kidney disease without hyperuricemia</t>
  </si>
  <si>
    <t>• Autosomal dominant medullary cystic kidney disease with hyperuricemia</t>
  </si>
  <si>
    <t>• Neonatal diabetes - congenital hypothyroidism - congenital glaucoma - hepatic fibrosis - polycystic kidneys</t>
  </si>
  <si>
    <t>• Senior-Boichis syndrome</t>
  </si>
  <si>
    <t>• Autosomal dominant polycystic kidney disease type 1 with tuberous sclerosis</t>
  </si>
  <si>
    <t>• RHYNS syndrome</t>
  </si>
  <si>
    <t>• Familial juvenile hyperuricemic nephropathy type 1</t>
  </si>
  <si>
    <t>• Joubert syndrome with renal defect</t>
  </si>
  <si>
    <t>• Nephropathy secondary to a storage or other metabolic disease</t>
  </si>
  <si>
    <t>• Cystinosis</t>
  </si>
  <si>
    <t>• Fabry disease</t>
  </si>
  <si>
    <t>• Wilson disease</t>
  </si>
  <si>
    <t>• Alpha-1 antitrypsin deficiency</t>
  </si>
  <si>
    <t>• Zellweger syndrome</t>
  </si>
  <si>
    <t>• Galactosemia</t>
  </si>
  <si>
    <t>• Galactokinase deficiency</t>
  </si>
  <si>
    <t>• Galactose epimerase deficiency</t>
  </si>
  <si>
    <t>• Erythrocyte galactose epimerase deficiency</t>
  </si>
  <si>
    <t>• Generalized galactose epimerase deficiency</t>
  </si>
  <si>
    <t>• Classic galactosemia</t>
  </si>
  <si>
    <t>• Hartnup syndrome</t>
  </si>
  <si>
    <t>• Hereditary fructose intolerance</t>
  </si>
  <si>
    <t>• Proximal tubulopathy - diabetes mellitus - cerebellar ataxia</t>
  </si>
  <si>
    <t>• Glycogen storage disease due to glucose-6-phosphatase deficiency</t>
  </si>
  <si>
    <t>• Glycogen storage disease due to glucose-6-phosphatase deficiency type a</t>
  </si>
  <si>
    <t>• Glycogen storage disease due to glucose-6-phosphatase deficiency type b</t>
  </si>
  <si>
    <t>• Porphyria</t>
  </si>
  <si>
    <t>• Congenital erythropoietic porphyria</t>
  </si>
  <si>
    <t>• Erythropoietic protoporphyria</t>
  </si>
  <si>
    <t>• Acute hepatic porphyria</t>
  </si>
  <si>
    <t>• Hereditary coproporphyria</t>
  </si>
  <si>
    <t>• Acute intermittent porphyria</t>
  </si>
  <si>
    <t>• Porphyria variegata</t>
  </si>
  <si>
    <t>• Porphyria due to ALA dehydratase deficiency</t>
  </si>
  <si>
    <t>• Chronic hepatic porphyria</t>
  </si>
  <si>
    <t>• Hepatoerythropoietic porphyria</t>
  </si>
  <si>
    <t>• Porphyria cutanea tarda</t>
  </si>
  <si>
    <t>• Erythropoietic uroporphyria associated with myeloid malignancy</t>
  </si>
  <si>
    <t>• Hereditary xanthinuria</t>
  </si>
  <si>
    <t>• Xanthinuria type I</t>
  </si>
  <si>
    <t>• Xanthinuria type II</t>
  </si>
  <si>
    <t>• Adenine phosphoribosyltransferase deficiency</t>
  </si>
  <si>
    <t>• LCAT deficiency</t>
  </si>
  <si>
    <t>• Fish-eye disease</t>
  </si>
  <si>
    <t>• Familial LCAT deficiency</t>
  </si>
  <si>
    <t>• Vitamin B12-unresponsive methylmalonic acidemia</t>
  </si>
  <si>
    <t>• Amelogenesis imperfecta - nephrocalcinosis</t>
  </si>
  <si>
    <t>• Phosphoribosylpyrophosphate synthetase superactivity</t>
  </si>
  <si>
    <t>• Vitamin B12-responsive methylmalonic acidemia</t>
  </si>
  <si>
    <t>• Vitamin B12-responsive methylmalonic acidemia type cblA</t>
  </si>
  <si>
    <t>• Vitamin B12-responsive methylmalonic acidemia type cblB</t>
  </si>
  <si>
    <t>• Vitamin B12-unresponsive methylmalonic acidemia type mut-</t>
  </si>
  <si>
    <t>• Glycogen storage disease due to GLUT2 deficiency</t>
  </si>
  <si>
    <t>• Primary hyperoxaluria type 2</t>
  </si>
  <si>
    <t>• Primary hyperoxaluria type 1</t>
  </si>
  <si>
    <t>• Tyrosinemia type 1</t>
  </si>
  <si>
    <t>• Primary hyperoxaluria</t>
  </si>
  <si>
    <t>• Primary hyperoxaluria type 3</t>
  </si>
  <si>
    <t>• Congenital disorder of glycosylation</t>
  </si>
  <si>
    <t>• PMM2-CDG syndrome</t>
  </si>
  <si>
    <t>• ALG9-CDG syndrome</t>
  </si>
  <si>
    <t>• SLC35A1-CDG syndrome</t>
  </si>
  <si>
    <t>• Gräsbeck-Imerslund disease</t>
  </si>
  <si>
    <t>• Renal glucosuria</t>
  </si>
  <si>
    <t>• Sialidosis type 2</t>
  </si>
  <si>
    <t>• Juvenile sialidosis type 2</t>
  </si>
  <si>
    <t>• Congenital sialidosis type 2</t>
  </si>
  <si>
    <t>• Hypoxanthine-guanine phosphoribosyltransferase deficiency</t>
  </si>
  <si>
    <t>• Lesch-Nyhan syndrome</t>
  </si>
  <si>
    <t>• Kelley-Seegmiller syndrome</t>
  </si>
  <si>
    <t>• Juvenile cataract - microcornea - renal glucosuria</t>
  </si>
  <si>
    <t>• Autosomal recessive infantile hypercalcemia</t>
  </si>
  <si>
    <t>• Rare renal tubular disease</t>
  </si>
  <si>
    <t>• Primary Fanconi syndrome</t>
  </si>
  <si>
    <t>• Pseudohypoaldosteronism type 1</t>
  </si>
  <si>
    <t>• Renal pseudohypoaldosteronism type 1</t>
  </si>
  <si>
    <t>• Generalized pseudohypoaldosteronism type 1</t>
  </si>
  <si>
    <t>• Familial primary hypomagnesemia</t>
  </si>
  <si>
    <t>• Familial primary hypomagnesemia with hypercalcuria</t>
  </si>
  <si>
    <t>• Familial hypomagnesemia - hypercalciuria - nephrocalcinosis - severe ocular involvement</t>
  </si>
  <si>
    <t>• Familial hypomagnesemia - hypercalciuria - nephrocalcinosis</t>
  </si>
  <si>
    <t>• Familial primary hypomagnesemia with hypocalcuria</t>
  </si>
  <si>
    <t>• Gitelman syndrome</t>
  </si>
  <si>
    <t>• Autosomal dominant primary hypomagnesemia with hypocalcuria</t>
  </si>
  <si>
    <t>• Familial primary hypomagnesemia with normocalcuria</t>
  </si>
  <si>
    <t>• Autosomal recessive primary hypomagnesemia with normocalcuria and hypocalcemia</t>
  </si>
  <si>
    <t>• Familial primary hypomagnesemia with normocalcuria and normocalcemia</t>
  </si>
  <si>
    <t>• Isolated autosomal dominant hypomagnesemia, Glaudemans type</t>
  </si>
  <si>
    <t>• Tubulointerstitial nephritis and uveitis syndrome</t>
  </si>
  <si>
    <t>• Transient pseudohypoaldosteronism</t>
  </si>
  <si>
    <t>• Nephrogenic syndrome of inappropriate antidiuresis</t>
  </si>
  <si>
    <t>• Hereditary renal hypouricemia</t>
  </si>
  <si>
    <t>• Pseudohypoparathyroidism type 1B</t>
  </si>
  <si>
    <t>• Pseudohypoparathyroidism type 2</t>
  </si>
  <si>
    <t>• Pseudohypoparathyroidism</t>
  </si>
  <si>
    <t>• Albright hereditary osteodystrophy</t>
  </si>
  <si>
    <t>• Pseudohypoparathyroidism type 1A</t>
  </si>
  <si>
    <t>• Pseudohypoparathyroidism type 1C</t>
  </si>
  <si>
    <t>• Pseudopseudohypoparathyroidism</t>
  </si>
  <si>
    <t>• SeSAME syndrome</t>
  </si>
  <si>
    <t>• Hyperuricemia - anemia - renal failure</t>
  </si>
  <si>
    <t>• Hypotonia - cystinuria type 1</t>
  </si>
  <si>
    <t>• Hypotonia - cystinuria syndrome</t>
  </si>
  <si>
    <t>• 2p21 microdeletion syndrome</t>
  </si>
  <si>
    <t>• Atypical hypotonia - cystinuria syndrome</t>
  </si>
  <si>
    <t>• Dominant hypophosphatemia with nephrolithiasis or osteoporosis</t>
  </si>
  <si>
    <t>• Primary renal tubular acidosis</t>
  </si>
  <si>
    <t>• Hypertrophic cardiomyopathy and renal tubular disease due to mitochondrial DNA mutation</t>
  </si>
  <si>
    <t>• Osteopetrosis with renal tubular acidosis</t>
  </si>
  <si>
    <t>• Neuroaxonal dystrophy - renal tubular acidosis</t>
  </si>
  <si>
    <t>• Central nervous system calcification - deafness - tubular acidosis - anemia</t>
  </si>
  <si>
    <t>• Distal renal tubular acidosis</t>
  </si>
  <si>
    <t>• Autosomal dominant distal renal tubular acidosis</t>
  </si>
  <si>
    <t>• Autosomal recessive distal renal tubular acidosis without deafness</t>
  </si>
  <si>
    <t>• Distal renal tubular acidosis with anemia</t>
  </si>
  <si>
    <t>• Autosomal recessive distal renal tubular acidosis with deafness</t>
  </si>
  <si>
    <t>• Proximal renal tubular acidosis</t>
  </si>
  <si>
    <t>• Autosomal recessive proximal renal tubular acidosis</t>
  </si>
  <si>
    <t>• Autosomal dominant proximal renal tubular acidosis</t>
  </si>
  <si>
    <t>• Hyperkalemic renal tubular acidosis</t>
  </si>
  <si>
    <t>• Oculocerebrorenal syndrome</t>
  </si>
  <si>
    <t>• Hypophosphatemic rickets</t>
  </si>
  <si>
    <t>• X-linked hypophosphatemia</t>
  </si>
  <si>
    <t>• Autosomal dominant hypophosphatemic rickets</t>
  </si>
  <si>
    <t>• Hereditary hypophosphatemic rickets with hypercalciuria</t>
  </si>
  <si>
    <t>• Autosomal recessive hypophosphatemic rickets</t>
  </si>
  <si>
    <t>• Cystinuria</t>
  </si>
  <si>
    <t>• Cystinuria type A</t>
  </si>
  <si>
    <t>• Cystinuria type B</t>
  </si>
  <si>
    <t>• Bartter syndrome</t>
  </si>
  <si>
    <t>• Infantile Bartter syndrome with deafness</t>
  </si>
  <si>
    <t>• Antenatal Bartter syndrome</t>
  </si>
  <si>
    <t>• Classic Bartter syndrome</t>
  </si>
  <si>
    <t>• Bartter syndrome with hypocalcemia</t>
  </si>
  <si>
    <t>• Nephrogenic diabetes insipidus - intracranial calcification</t>
  </si>
  <si>
    <t>• Idiopathic hypercalciuria</t>
  </si>
  <si>
    <t>• Dent disease</t>
  </si>
  <si>
    <t>• Dent disease type 1</t>
  </si>
  <si>
    <t>• Dent disease type 2</t>
  </si>
  <si>
    <t>• Nephrogenic diabetes insipidus</t>
  </si>
  <si>
    <t>• Hematological disorder with renal involvement</t>
  </si>
  <si>
    <t>• Alpha-thalassemia</t>
  </si>
  <si>
    <t>• Hemoglobin H disease</t>
  </si>
  <si>
    <t>• Beta-thalassemia</t>
  </si>
  <si>
    <t>• Beta-thalassemia major</t>
  </si>
  <si>
    <t>• Beta-thalassemia intermedia</t>
  </si>
  <si>
    <t>• Dominant beta-thalassemia</t>
  </si>
  <si>
    <t>• Sickle cell anemia</t>
  </si>
  <si>
    <t>• Fanconi anemia</t>
  </si>
  <si>
    <t>• Monoclonal Ig light chain-associated Fanconi syndrome</t>
  </si>
  <si>
    <t>• Rare cause of  hypertension</t>
  </si>
  <si>
    <t>• Williams syndrome</t>
  </si>
  <si>
    <t>• Neurofibromatosis type 1</t>
  </si>
  <si>
    <t>• Familial segmental neurofibromatosis</t>
  </si>
  <si>
    <t>• Familial spinal neurofibromatosis</t>
  </si>
  <si>
    <t>• 17q11 microdeletion syndrome</t>
  </si>
  <si>
    <t>• Catecholamine-producing tumor</t>
  </si>
  <si>
    <t>• Hereditary pheochromocytoma-paraganglioma</t>
  </si>
  <si>
    <t>• Familial hyperaldosteronism type 1</t>
  </si>
  <si>
    <t>• Liddle syndrome</t>
  </si>
  <si>
    <t>• Brachydactyly - arterial hypertension</t>
  </si>
  <si>
    <t>• Familial hyperthyroidism due to mutations in TSH receptor</t>
  </si>
  <si>
    <t>• Familial gestational hyperthyroidism</t>
  </si>
  <si>
    <t>• Pseudohypoaldosteronism type 2</t>
  </si>
  <si>
    <t>• Pseudohypoaldosteronism type 2A</t>
  </si>
  <si>
    <t>• Pseudohypoaldosteronism type 2B</t>
  </si>
  <si>
    <t>• Pseudohypoaldosteronism type 2C</t>
  </si>
  <si>
    <t>• Pseudohypoaldosteronism type 2D</t>
  </si>
  <si>
    <t>• Pseudohypoaldosteronism type 2E</t>
  </si>
  <si>
    <t>• Pseudoxanthoma elasticum</t>
  </si>
  <si>
    <t>• Adrenocortical carcinoma</t>
  </si>
  <si>
    <t>• Fibromuscular dysplasia of arteries</t>
  </si>
  <si>
    <t>• Apparent mineralocorticoid excess</t>
  </si>
  <si>
    <t>• Autosomal dominant progressive nephropathy with hypertension</t>
  </si>
  <si>
    <t>• Pseudohyperaldosteronism type 2</t>
  </si>
  <si>
    <t>• Congenital renal artery stenosis</t>
  </si>
  <si>
    <t>• Arterial hypertension due to renal artery stenosis secondary to vasculitis</t>
  </si>
  <si>
    <t>• Rare renal tumor</t>
  </si>
  <si>
    <t>• Familial renal cell carcinoma</t>
  </si>
  <si>
    <t>• Familial papillary renal cell carcinoma</t>
  </si>
  <si>
    <t>• Non-familial renal cell carcinoma</t>
  </si>
  <si>
    <t>• Collecting duct carcinoma</t>
  </si>
  <si>
    <t>• Clear cell renal carcinoma</t>
  </si>
  <si>
    <t>• Multilocular cystic renal cell carcinoma</t>
  </si>
  <si>
    <t>• Papillary renal cell carcinoma</t>
  </si>
  <si>
    <t>• Chromophobe renal cell carcinoma</t>
  </si>
  <si>
    <t>• Translocation renal cell carcinoma</t>
  </si>
  <si>
    <t>• Renal cell carcinoma associated with neuroblastoma</t>
  </si>
  <si>
    <t>• Renal medullary carcinoma</t>
  </si>
  <si>
    <t>• Mucinous tubular and spindle cell carcinoma</t>
  </si>
  <si>
    <t>• Tubulocystic carcinoma</t>
  </si>
  <si>
    <t>• Multiloculated renal cyst</t>
  </si>
  <si>
    <t>• Inherited renal cell cancer-predisposing syndrome</t>
  </si>
  <si>
    <t>• Birt-Hogg-Dube syndrome</t>
  </si>
  <si>
    <t>• Familial leiomyomatosis</t>
  </si>
  <si>
    <t>• Hyperparathyroidism - jaw tumor syndrome</t>
  </si>
  <si>
    <t>• Inherited cancer-predisposing syndrome due to biallelic BRCA2 mutations</t>
  </si>
  <si>
    <t>• Idiopathic steroid-sensitive nephrotic syndrome with minimal change</t>
  </si>
  <si>
    <t>• Idiopathic steroid-sensitive nephrotic syndrome with diffuse mesangial proliferation</t>
  </si>
  <si>
    <r>
      <rPr>
        <b/>
        <sz val="12"/>
        <color theme="0"/>
        <rFont val="Calibri"/>
        <family val="2"/>
        <scheme val="minor"/>
      </rPr>
      <t>Seltene Nierenerkrankungen</t>
    </r>
    <r>
      <rPr>
        <b/>
        <sz val="11"/>
        <color theme="0"/>
        <rFont val="Calibri"/>
        <family val="2"/>
        <scheme val="minor"/>
      </rPr>
      <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  <r>
      <rPr>
        <b/>
        <sz val="10"/>
        <color theme="0"/>
        <rFont val="Calibri"/>
        <family val="2"/>
        <scheme val="minor"/>
      </rPr>
      <t>Orphanet-Klassifikationsbaum mit sämtlichen zugeordneten Erkrankungen / Entitäten (inklusive Synonyme)                                                                                                                                                                                                                                                                                 (Daten-Extraktion 17/05/2013)</t>
    </r>
  </si>
  <si>
    <r>
      <t>©</t>
    </r>
    <r>
      <rPr>
        <sz val="9.9"/>
        <color theme="1"/>
        <rFont val="Arial"/>
        <family val="2"/>
      </rPr>
      <t xml:space="preserve"> Orphanet / Orphanet Austria / NKSE 2013</t>
    </r>
  </si>
  <si>
    <t>• Rare cause of hypertension</t>
  </si>
  <si>
    <t>(bitte in nachfolgende Zeilen eintragen)</t>
  </si>
  <si>
    <t>Ergänzende und/oder alternative Vorschläge zur Klassifikation / Gruppierung von seltenen Nierenerkrankungen</t>
  </si>
  <si>
    <r>
      <t xml:space="preserve">Für Klassifikation / Gruppierung von SE geeignet </t>
    </r>
    <r>
      <rPr>
        <b/>
        <sz val="10"/>
        <color theme="0"/>
        <rFont val="Calibri"/>
        <family val="2"/>
        <scheme val="minor"/>
      </rPr>
      <t xml:space="preserve">                      (bitte ankreuzen)</t>
    </r>
  </si>
  <si>
    <r>
      <rPr>
        <b/>
        <sz val="12"/>
        <color theme="0"/>
        <rFont val="Calibri"/>
        <family val="2"/>
        <scheme val="minor"/>
      </rPr>
      <t>Seltene Nierenerkrankungen</t>
    </r>
    <r>
      <rPr>
        <b/>
        <sz val="11"/>
        <color theme="0"/>
        <rFont val="Calibri"/>
        <family val="2"/>
        <scheme val="minor"/>
      </rPr>
      <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  <r>
      <rPr>
        <b/>
        <sz val="10"/>
        <color theme="0"/>
        <rFont val="Calibri"/>
        <family val="2"/>
        <scheme val="minor"/>
      </rPr>
      <t>Darstellung der ersten Hierarchiestufe im Orphanet-Klassifikationsbaum                                                                                                                                                                                                                                                                                 (Daten-Extraktion 17/05/2013)</t>
    </r>
  </si>
</sst>
</file>

<file path=xl/styles.xml><?xml version="1.0" encoding="utf-8"?>
<styleSheet xmlns="http://schemas.openxmlformats.org/spreadsheetml/2006/main">
  <numFmts count="1">
    <numFmt numFmtId="164" formatCode="###0;###0"/>
  </numFmts>
  <fonts count="16">
    <font>
      <sz val="11"/>
      <color theme="1"/>
      <name val="Calibri"/>
      <family val="2"/>
      <scheme val="minor"/>
    </font>
    <font>
      <b/>
      <sz val="12"/>
      <color theme="0"/>
      <name val="Calibri"/>
      <family val="2"/>
      <scheme val="minor"/>
    </font>
    <font>
      <b/>
      <sz val="11"/>
      <color theme="0"/>
      <name val="Calibri"/>
      <family val="2"/>
      <scheme val="minor"/>
    </font>
    <font>
      <u/>
      <sz val="11"/>
      <color theme="11"/>
      <name val="Calibri"/>
      <family val="2"/>
      <scheme val="minor"/>
    </font>
    <font>
      <sz val="8"/>
      <color theme="1"/>
      <name val="Arial"/>
      <family val="2"/>
    </font>
    <font>
      <b/>
      <sz val="16"/>
      <color theme="1"/>
      <name val="Calibri"/>
      <family val="2"/>
      <scheme val="minor"/>
    </font>
    <font>
      <sz val="14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0"/>
      <name val="Calibri"/>
      <family val="2"/>
      <scheme val="minor"/>
    </font>
    <font>
      <sz val="10"/>
      <color theme="1"/>
      <name val="Arial"/>
      <family val="2"/>
    </font>
    <font>
      <sz val="10"/>
      <color rgb="FF000000"/>
      <name val="Arial"/>
      <family val="2"/>
    </font>
    <font>
      <b/>
      <sz val="10"/>
      <color rgb="FF000000"/>
      <name val="Arial"/>
      <family val="2"/>
    </font>
    <font>
      <sz val="10"/>
      <color indexed="63"/>
      <name val="Arial"/>
      <family val="2"/>
    </font>
    <font>
      <sz val="11"/>
      <color theme="1"/>
      <name val="Arial"/>
      <family val="2"/>
    </font>
    <font>
      <sz val="9.9"/>
      <color theme="1"/>
      <name val="Arial"/>
      <family val="2"/>
    </font>
    <font>
      <sz val="10"/>
      <color theme="0"/>
      <name val="Arial"/>
      <family val="2"/>
    </font>
  </fonts>
  <fills count="8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34998626667073579"/>
        <bgColor indexed="64"/>
      </patternFill>
    </fill>
    <fill>
      <patternFill patternType="solid">
        <fgColor theme="0"/>
        <bgColor rgb="FFB8CCE4"/>
      </patternFill>
    </fill>
    <fill>
      <patternFill patternType="solid">
        <fgColor theme="0"/>
        <bgColor rgb="FFDCE6F1"/>
      </patternFill>
    </fill>
    <fill>
      <patternFill patternType="solid">
        <fgColor rgb="FFBDC8E6"/>
        <bgColor indexed="64"/>
      </patternFill>
    </fill>
  </fills>
  <borders count="39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/>
      <bottom style="medium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 style="thin">
        <color rgb="FF231F20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rgb="FF231F2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</borders>
  <cellStyleXfs count="200">
    <xf numFmtId="0" fontId="0" fillId="0" borderId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</cellStyleXfs>
  <cellXfs count="95">
    <xf numFmtId="0" fontId="0" fillId="0" borderId="0" xfId="0"/>
    <xf numFmtId="0" fontId="4" fillId="2" borderId="1" xfId="0" applyFont="1" applyFill="1" applyBorder="1" applyAlignment="1" applyProtection="1">
      <alignment horizontal="center"/>
    </xf>
    <xf numFmtId="0" fontId="0" fillId="2" borderId="2" xfId="0" applyFill="1" applyBorder="1" applyProtection="1"/>
    <xf numFmtId="0" fontId="0" fillId="2" borderId="2" xfId="0" applyFill="1" applyBorder="1" applyAlignment="1" applyProtection="1"/>
    <xf numFmtId="0" fontId="5" fillId="2" borderId="4" xfId="0" applyFont="1" applyFill="1" applyBorder="1" applyAlignment="1" applyProtection="1">
      <alignment horizontal="left"/>
    </xf>
    <xf numFmtId="0" fontId="5" fillId="2" borderId="0" xfId="0" applyFont="1" applyFill="1" applyBorder="1" applyProtection="1"/>
    <xf numFmtId="0" fontId="5" fillId="2" borderId="7" xfId="0" applyFont="1" applyFill="1" applyBorder="1" applyAlignment="1" applyProtection="1">
      <alignment horizontal="center"/>
    </xf>
    <xf numFmtId="0" fontId="5" fillId="2" borderId="8" xfId="0" applyFont="1" applyFill="1" applyBorder="1" applyProtection="1"/>
    <xf numFmtId="0" fontId="5" fillId="2" borderId="8" xfId="0" applyFont="1" applyFill="1" applyBorder="1" applyAlignment="1" applyProtection="1"/>
    <xf numFmtId="0" fontId="0" fillId="2" borderId="8" xfId="0" applyFill="1" applyBorder="1" applyAlignment="1" applyProtection="1"/>
    <xf numFmtId="0" fontId="1" fillId="4" borderId="15" xfId="0" applyFont="1" applyFill="1" applyBorder="1" applyAlignment="1" applyProtection="1">
      <alignment horizontal="center" vertical="top" wrapText="1"/>
    </xf>
    <xf numFmtId="0" fontId="2" fillId="4" borderId="17" xfId="0" applyFont="1" applyFill="1" applyBorder="1" applyAlignment="1" applyProtection="1">
      <alignment horizontal="center" vertical="top" wrapText="1"/>
    </xf>
    <xf numFmtId="0" fontId="6" fillId="2" borderId="13" xfId="0" applyFont="1" applyFill="1" applyBorder="1" applyAlignment="1" applyProtection="1">
      <alignment vertical="center"/>
    </xf>
    <xf numFmtId="0" fontId="6" fillId="2" borderId="12" xfId="0" applyFont="1" applyFill="1" applyBorder="1" applyAlignment="1" applyProtection="1">
      <alignment vertical="center"/>
    </xf>
    <xf numFmtId="0" fontId="6" fillId="2" borderId="13" xfId="0" applyFont="1" applyFill="1" applyBorder="1" applyAlignment="1" applyProtection="1">
      <alignment vertical="center"/>
    </xf>
    <xf numFmtId="0" fontId="4" fillId="3" borderId="0" xfId="0" applyFont="1" applyFill="1" applyAlignment="1" applyProtection="1">
      <alignment horizontal="center"/>
    </xf>
    <xf numFmtId="0" fontId="0" fillId="3" borderId="0" xfId="0" applyFill="1" applyProtection="1"/>
    <xf numFmtId="0" fontId="0" fillId="3" borderId="0" xfId="0" applyFill="1" applyAlignment="1" applyProtection="1">
      <alignment horizontal="center"/>
    </xf>
    <xf numFmtId="0" fontId="0" fillId="3" borderId="2" xfId="0" applyFill="1" applyBorder="1" applyAlignment="1" applyProtection="1"/>
    <xf numFmtId="0" fontId="9" fillId="3" borderId="19" xfId="0" applyFont="1" applyFill="1" applyBorder="1" applyAlignment="1" applyProtection="1">
      <alignment vertical="center"/>
      <protection locked="0"/>
    </xf>
    <xf numFmtId="0" fontId="9" fillId="3" borderId="20" xfId="0" applyFont="1" applyFill="1" applyBorder="1" applyAlignment="1" applyProtection="1">
      <alignment vertical="center"/>
      <protection locked="0"/>
    </xf>
    <xf numFmtId="0" fontId="0" fillId="3" borderId="1" xfId="0" applyFill="1" applyBorder="1" applyAlignment="1" applyProtection="1"/>
    <xf numFmtId="0" fontId="0" fillId="3" borderId="3" xfId="0" applyFill="1" applyBorder="1" applyAlignment="1" applyProtection="1"/>
    <xf numFmtId="0" fontId="5" fillId="3" borderId="0" xfId="0" applyFont="1" applyFill="1" applyProtection="1"/>
    <xf numFmtId="0" fontId="5" fillId="2" borderId="0" xfId="0" applyFont="1" applyFill="1" applyBorder="1" applyAlignment="1" applyProtection="1"/>
    <xf numFmtId="0" fontId="0" fillId="2" borderId="0" xfId="0" applyFill="1" applyBorder="1" applyAlignment="1" applyProtection="1"/>
    <xf numFmtId="0" fontId="0" fillId="3" borderId="7" xfId="0" applyFill="1" applyBorder="1" applyAlignment="1" applyProtection="1"/>
    <xf numFmtId="0" fontId="0" fillId="3" borderId="10" xfId="0" applyFill="1" applyBorder="1" applyAlignment="1" applyProtection="1"/>
    <xf numFmtId="0" fontId="0" fillId="3" borderId="11" xfId="0" applyFill="1" applyBorder="1" applyAlignment="1" applyProtection="1"/>
    <xf numFmtId="0" fontId="0" fillId="3" borderId="0" xfId="0" applyFill="1" applyAlignment="1" applyProtection="1"/>
    <xf numFmtId="0" fontId="6" fillId="3" borderId="0" xfId="0" applyFont="1" applyFill="1" applyAlignment="1" applyProtection="1">
      <alignment vertical="center"/>
    </xf>
    <xf numFmtId="0" fontId="0" fillId="2" borderId="13" xfId="0" applyFill="1" applyBorder="1" applyAlignment="1" applyProtection="1">
      <alignment vertical="center"/>
    </xf>
    <xf numFmtId="0" fontId="0" fillId="2" borderId="13" xfId="0" applyFill="1" applyBorder="1" applyAlignment="1" applyProtection="1">
      <alignment vertical="center"/>
    </xf>
    <xf numFmtId="0" fontId="7" fillId="3" borderId="0" xfId="0" applyFont="1" applyFill="1" applyAlignment="1" applyProtection="1">
      <alignment vertical="top" wrapText="1"/>
    </xf>
    <xf numFmtId="0" fontId="1" fillId="4" borderId="28" xfId="0" applyFont="1" applyFill="1" applyBorder="1" applyAlignment="1" applyProtection="1">
      <alignment horizontal="center" vertical="top" wrapText="1"/>
    </xf>
    <xf numFmtId="0" fontId="7" fillId="4" borderId="16" xfId="0" applyFont="1" applyFill="1" applyBorder="1" applyAlignment="1" applyProtection="1">
      <alignment vertical="top" wrapText="1"/>
    </xf>
    <xf numFmtId="0" fontId="2" fillId="4" borderId="10" xfId="0" applyFont="1" applyFill="1" applyBorder="1" applyAlignment="1" applyProtection="1">
      <alignment vertical="top" wrapText="1"/>
    </xf>
    <xf numFmtId="0" fontId="0" fillId="4" borderId="10" xfId="0" applyFill="1" applyBorder="1" applyAlignment="1" applyProtection="1">
      <alignment vertical="top" wrapText="1"/>
    </xf>
    <xf numFmtId="0" fontId="0" fillId="4" borderId="11" xfId="0" applyFill="1" applyBorder="1" applyAlignment="1" applyProtection="1">
      <alignment vertical="top" wrapText="1"/>
    </xf>
    <xf numFmtId="0" fontId="2" fillId="4" borderId="11" xfId="0" applyFont="1" applyFill="1" applyBorder="1" applyAlignment="1" applyProtection="1">
      <alignment horizontal="center" vertical="top" wrapText="1"/>
    </xf>
    <xf numFmtId="164" fontId="12" fillId="7" borderId="29" xfId="0" applyNumberFormat="1" applyFont="1" applyFill="1" applyBorder="1" applyAlignment="1" applyProtection="1">
      <alignment horizontal="left" vertical="center" wrapText="1"/>
    </xf>
    <xf numFmtId="164" fontId="12" fillId="7" borderId="30" xfId="0" applyNumberFormat="1" applyFont="1" applyFill="1" applyBorder="1" applyAlignment="1" applyProtection="1">
      <alignment horizontal="left" vertical="center" wrapText="1"/>
    </xf>
    <xf numFmtId="0" fontId="9" fillId="3" borderId="0" xfId="0" applyFont="1" applyFill="1" applyAlignment="1" applyProtection="1">
      <alignment vertical="center"/>
    </xf>
    <xf numFmtId="0" fontId="9" fillId="3" borderId="31" xfId="0" applyFont="1" applyFill="1" applyBorder="1" applyAlignment="1" applyProtection="1">
      <alignment horizontal="center" vertical="center"/>
    </xf>
    <xf numFmtId="164" fontId="12" fillId="4" borderId="32" xfId="0" applyNumberFormat="1" applyFont="1" applyFill="1" applyBorder="1" applyAlignment="1" applyProtection="1">
      <alignment horizontal="left" vertical="center" wrapText="1"/>
    </xf>
    <xf numFmtId="0" fontId="15" fillId="4" borderId="1" xfId="0" applyFont="1" applyFill="1" applyBorder="1" applyAlignment="1" applyProtection="1">
      <alignment vertical="center"/>
    </xf>
    <xf numFmtId="49" fontId="1" fillId="4" borderId="2" xfId="0" applyNumberFormat="1" applyFont="1" applyFill="1" applyBorder="1" applyAlignment="1" applyProtection="1">
      <alignment vertical="top" wrapText="1"/>
    </xf>
    <xf numFmtId="164" fontId="12" fillId="4" borderId="35" xfId="0" applyNumberFormat="1" applyFont="1" applyFill="1" applyBorder="1" applyAlignment="1" applyProtection="1">
      <alignment horizontal="left" vertical="center" wrapText="1"/>
    </xf>
    <xf numFmtId="0" fontId="9" fillId="4" borderId="7" xfId="0" applyFont="1" applyFill="1" applyBorder="1" applyAlignment="1" applyProtection="1">
      <alignment vertical="center"/>
    </xf>
    <xf numFmtId="49" fontId="8" fillId="4" borderId="8" xfId="0" applyNumberFormat="1" applyFont="1" applyFill="1" applyBorder="1" applyAlignment="1" applyProtection="1">
      <alignment vertical="top" wrapText="1"/>
    </xf>
    <xf numFmtId="0" fontId="9" fillId="3" borderId="31" xfId="0" applyFont="1" applyFill="1" applyBorder="1" applyAlignment="1" applyProtection="1">
      <alignment vertical="center"/>
    </xf>
    <xf numFmtId="0" fontId="9" fillId="3" borderId="13" xfId="0" applyFont="1" applyFill="1" applyBorder="1" applyAlignment="1" applyProtection="1">
      <alignment vertical="center"/>
    </xf>
    <xf numFmtId="0" fontId="9" fillId="3" borderId="38" xfId="0" applyFont="1" applyFill="1" applyBorder="1" applyAlignment="1" applyProtection="1">
      <alignment horizontal="center" vertical="center"/>
    </xf>
    <xf numFmtId="0" fontId="9" fillId="3" borderId="22" xfId="0" applyFont="1" applyFill="1" applyBorder="1" applyAlignment="1" applyProtection="1">
      <alignment vertical="center"/>
      <protection locked="0"/>
    </xf>
    <xf numFmtId="0" fontId="9" fillId="3" borderId="26" xfId="0" applyFont="1" applyFill="1" applyBorder="1" applyAlignment="1" applyProtection="1">
      <alignment vertical="center"/>
      <protection locked="0"/>
    </xf>
    <xf numFmtId="0" fontId="0" fillId="3" borderId="27" xfId="0" applyFill="1" applyBorder="1" applyAlignment="1" applyProtection="1">
      <protection locked="0"/>
    </xf>
    <xf numFmtId="0" fontId="0" fillId="0" borderId="5" xfId="0" applyBorder="1" applyAlignment="1" applyProtection="1">
      <protection locked="0"/>
    </xf>
    <xf numFmtId="0" fontId="0" fillId="0" borderId="6" xfId="0" applyBorder="1" applyAlignment="1" applyProtection="1">
      <protection locked="0"/>
    </xf>
    <xf numFmtId="0" fontId="0" fillId="3" borderId="12" xfId="0" applyFill="1" applyBorder="1" applyAlignment="1" applyProtection="1">
      <alignment vertical="center"/>
      <protection locked="0"/>
    </xf>
    <xf numFmtId="0" fontId="0" fillId="0" borderId="13" xfId="0" applyBorder="1" applyAlignment="1" applyProtection="1">
      <alignment vertical="center"/>
      <protection locked="0"/>
    </xf>
    <xf numFmtId="0" fontId="0" fillId="0" borderId="14" xfId="0" applyBorder="1" applyAlignment="1" applyProtection="1">
      <alignment vertical="center"/>
      <protection locked="0"/>
    </xf>
    <xf numFmtId="0" fontId="0" fillId="3" borderId="19" xfId="0" applyFill="1" applyBorder="1" applyProtection="1">
      <protection locked="0"/>
    </xf>
    <xf numFmtId="0" fontId="0" fillId="3" borderId="20" xfId="0" applyFill="1" applyBorder="1" applyProtection="1">
      <protection locked="0"/>
    </xf>
    <xf numFmtId="0" fontId="0" fillId="3" borderId="22" xfId="0" applyFill="1" applyBorder="1" applyProtection="1">
      <protection locked="0"/>
    </xf>
    <xf numFmtId="0" fontId="0" fillId="3" borderId="26" xfId="0" applyFill="1" applyBorder="1" applyProtection="1">
      <protection locked="0"/>
    </xf>
    <xf numFmtId="0" fontId="9" fillId="3" borderId="18" xfId="0" applyFont="1" applyFill="1" applyBorder="1" applyAlignment="1" applyProtection="1">
      <alignment horizontal="center" vertical="center"/>
    </xf>
    <xf numFmtId="0" fontId="10" fillId="5" borderId="12" xfId="0" applyFont="1" applyFill="1" applyBorder="1" applyAlignment="1" applyProtection="1">
      <alignment vertical="center"/>
    </xf>
    <xf numFmtId="49" fontId="11" fillId="5" borderId="13" xfId="0" applyNumberFormat="1" applyFont="1" applyFill="1" applyBorder="1" applyAlignment="1" applyProtection="1">
      <alignment vertical="center"/>
    </xf>
    <xf numFmtId="0" fontId="10" fillId="3" borderId="13" xfId="0" applyFont="1" applyFill="1" applyBorder="1" applyAlignment="1" applyProtection="1">
      <alignment vertical="center"/>
    </xf>
    <xf numFmtId="49" fontId="10" fillId="5" borderId="13" xfId="0" applyNumberFormat="1" applyFont="1" applyFill="1" applyBorder="1" applyAlignment="1" applyProtection="1">
      <alignment vertical="center"/>
    </xf>
    <xf numFmtId="0" fontId="9" fillId="3" borderId="14" xfId="0" applyFont="1" applyFill="1" applyBorder="1" applyAlignment="1" applyProtection="1">
      <alignment vertical="center"/>
    </xf>
    <xf numFmtId="0" fontId="10" fillId="6" borderId="12" xfId="0" applyFont="1" applyFill="1" applyBorder="1" applyAlignment="1" applyProtection="1">
      <alignment vertical="center"/>
    </xf>
    <xf numFmtId="49" fontId="10" fillId="6" borderId="13" xfId="0" applyNumberFormat="1" applyFont="1" applyFill="1" applyBorder="1" applyAlignment="1" applyProtection="1">
      <alignment vertical="center"/>
    </xf>
    <xf numFmtId="0" fontId="9" fillId="3" borderId="18" xfId="0" applyFont="1" applyFill="1" applyBorder="1" applyAlignment="1" applyProtection="1">
      <alignment vertical="center"/>
    </xf>
    <xf numFmtId="0" fontId="0" fillId="3" borderId="18" xfId="0" applyFill="1" applyBorder="1" applyAlignment="1" applyProtection="1">
      <alignment horizontal="center"/>
    </xf>
    <xf numFmtId="0" fontId="0" fillId="3" borderId="13" xfId="0" applyFill="1" applyBorder="1" applyProtection="1"/>
    <xf numFmtId="0" fontId="0" fillId="3" borderId="14" xfId="0" applyFill="1" applyBorder="1" applyProtection="1"/>
    <xf numFmtId="0" fontId="0" fillId="3" borderId="21" xfId="0" applyFill="1" applyBorder="1" applyAlignment="1" applyProtection="1">
      <alignment horizontal="center"/>
    </xf>
    <xf numFmtId="0" fontId="10" fillId="5" borderId="23" xfId="0" applyFont="1" applyFill="1" applyBorder="1" applyAlignment="1" applyProtection="1">
      <alignment vertical="center"/>
    </xf>
    <xf numFmtId="49" fontId="10" fillId="5" borderId="24" xfId="0" applyNumberFormat="1" applyFont="1" applyFill="1" applyBorder="1" applyAlignment="1" applyProtection="1">
      <alignment vertical="center"/>
    </xf>
    <xf numFmtId="0" fontId="0" fillId="3" borderId="24" xfId="0" applyFill="1" applyBorder="1" applyProtection="1"/>
    <xf numFmtId="0" fontId="0" fillId="3" borderId="25" xfId="0" applyFill="1" applyBorder="1" applyProtection="1"/>
    <xf numFmtId="0" fontId="13" fillId="3" borderId="0" xfId="0" applyFont="1" applyFill="1" applyProtection="1"/>
    <xf numFmtId="0" fontId="9" fillId="3" borderId="12" xfId="0" applyFont="1" applyFill="1" applyBorder="1" applyAlignment="1" applyProtection="1">
      <alignment vertical="center"/>
      <protection locked="0"/>
    </xf>
    <xf numFmtId="0" fontId="9" fillId="3" borderId="23" xfId="0" applyFont="1" applyFill="1" applyBorder="1" applyAlignment="1" applyProtection="1">
      <alignment vertical="center"/>
      <protection locked="0"/>
    </xf>
    <xf numFmtId="0" fontId="0" fillId="0" borderId="24" xfId="0" applyBorder="1" applyAlignment="1" applyProtection="1">
      <alignment vertical="center"/>
      <protection locked="0"/>
    </xf>
    <xf numFmtId="0" fontId="0" fillId="0" borderId="25" xfId="0" applyBorder="1" applyAlignment="1" applyProtection="1">
      <alignment vertical="center"/>
      <protection locked="0"/>
    </xf>
    <xf numFmtId="0" fontId="2" fillId="4" borderId="2" xfId="0" applyFont="1" applyFill="1" applyBorder="1" applyAlignment="1" applyProtection="1">
      <alignment vertical="top" wrapText="1"/>
    </xf>
    <xf numFmtId="0" fontId="2" fillId="4" borderId="3" xfId="0" applyFont="1" applyFill="1" applyBorder="1" applyAlignment="1" applyProtection="1">
      <alignment vertical="top" wrapText="1"/>
    </xf>
    <xf numFmtId="0" fontId="9" fillId="4" borderId="33" xfId="0" applyFont="1" applyFill="1" applyBorder="1" applyAlignment="1" applyProtection="1">
      <alignment vertical="center"/>
    </xf>
    <xf numFmtId="0" fontId="9" fillId="4" borderId="34" xfId="0" applyFont="1" applyFill="1" applyBorder="1" applyAlignment="1" applyProtection="1">
      <alignment vertical="center"/>
    </xf>
    <xf numFmtId="0" fontId="2" fillId="4" borderId="8" xfId="0" applyFont="1" applyFill="1" applyBorder="1" applyAlignment="1" applyProtection="1">
      <alignment vertical="top" wrapText="1"/>
    </xf>
    <xf numFmtId="0" fontId="2" fillId="4" borderId="9" xfId="0" applyFont="1" applyFill="1" applyBorder="1" applyAlignment="1" applyProtection="1">
      <alignment vertical="top" wrapText="1"/>
    </xf>
    <xf numFmtId="0" fontId="9" fillId="4" borderId="36" xfId="0" applyFont="1" applyFill="1" applyBorder="1" applyAlignment="1" applyProtection="1">
      <alignment vertical="center"/>
    </xf>
    <xf numFmtId="0" fontId="9" fillId="4" borderId="37" xfId="0" applyFont="1" applyFill="1" applyBorder="1" applyAlignment="1" applyProtection="1">
      <alignment vertical="center"/>
    </xf>
  </cellXfs>
  <cellStyles count="200">
    <cellStyle name="Besuchter Hyperlink" xfId="1" builtinId="9" hidden="1"/>
    <cellStyle name="Besuchter Hyperlink" xfId="2" builtinId="9" hidden="1"/>
    <cellStyle name="Besuchter Hyperlink" xfId="3" builtinId="9" hidden="1"/>
    <cellStyle name="Besuchter Hyperlink" xfId="4" builtinId="9" hidden="1"/>
    <cellStyle name="Besuchter Hyperlink" xfId="5" builtinId="9" hidden="1"/>
    <cellStyle name="Besuchter Hyperlink" xfId="6" builtinId="9" hidden="1"/>
    <cellStyle name="Besuchter Hyperlink" xfId="7" builtinId="9" hidden="1"/>
    <cellStyle name="Besuchter Hyperlink" xfId="8" builtinId="9" hidden="1"/>
    <cellStyle name="Besuchter Hyperlink" xfId="9" builtinId="9" hidden="1"/>
    <cellStyle name="Besuchter Hyperlink" xfId="10" builtinId="9" hidden="1"/>
    <cellStyle name="Besuchter Hyperlink" xfId="11" builtinId="9" hidden="1"/>
    <cellStyle name="Besuchter Hyperlink" xfId="12" builtinId="9" hidden="1"/>
    <cellStyle name="Besuchter Hyperlink" xfId="13" builtinId="9" hidden="1"/>
    <cellStyle name="Besuchter Hyperlink" xfId="14" builtinId="9" hidden="1"/>
    <cellStyle name="Besuchter Hyperlink" xfId="15" builtinId="9" hidden="1"/>
    <cellStyle name="Besuchter Hyperlink" xfId="16" builtinId="9" hidden="1"/>
    <cellStyle name="Besuchter Hyperlink" xfId="17" builtinId="9" hidden="1"/>
    <cellStyle name="Besuchter Hyperlink" xfId="18" builtinId="9" hidden="1"/>
    <cellStyle name="Besuchter Hyperlink" xfId="19" builtinId="9" hidden="1"/>
    <cellStyle name="Besuchter Hyperlink" xfId="20" builtinId="9" hidden="1"/>
    <cellStyle name="Besuchter Hyperlink" xfId="21" builtinId="9" hidden="1"/>
    <cellStyle name="Besuchter Hyperlink" xfId="22" builtinId="9" hidden="1"/>
    <cellStyle name="Besuchter Hyperlink" xfId="23" builtinId="9" hidden="1"/>
    <cellStyle name="Besuchter Hyperlink" xfId="24" builtinId="9" hidden="1"/>
    <cellStyle name="Besuchter Hyperlink" xfId="25" builtinId="9" hidden="1"/>
    <cellStyle name="Besuchter Hyperlink" xfId="26" builtinId="9" hidden="1"/>
    <cellStyle name="Besuchter Hyperlink" xfId="27" builtinId="9" hidden="1"/>
    <cellStyle name="Besuchter Hyperlink" xfId="28" builtinId="9" hidden="1"/>
    <cellStyle name="Besuchter Hyperlink" xfId="29" builtinId="9" hidden="1"/>
    <cellStyle name="Besuchter Hyperlink" xfId="30" builtinId="9" hidden="1"/>
    <cellStyle name="Besuchter Hyperlink" xfId="31" builtinId="9" hidden="1"/>
    <cellStyle name="Besuchter Hyperlink" xfId="32" builtinId="9" hidden="1"/>
    <cellStyle name="Besuchter Hyperlink" xfId="33" builtinId="9" hidden="1"/>
    <cellStyle name="Besuchter Hyperlink" xfId="34" builtinId="9" hidden="1"/>
    <cellStyle name="Besuchter Hyperlink" xfId="35" builtinId="9" hidden="1"/>
    <cellStyle name="Besuchter Hyperlink" xfId="36" builtinId="9" hidden="1"/>
    <cellStyle name="Besuchter Hyperlink" xfId="37" builtinId="9" hidden="1"/>
    <cellStyle name="Besuchter Hyperlink" xfId="38" builtinId="9" hidden="1"/>
    <cellStyle name="Besuchter Hyperlink" xfId="39" builtinId="9" hidden="1"/>
    <cellStyle name="Besuchter Hyperlink" xfId="40" builtinId="9" hidden="1"/>
    <cellStyle name="Besuchter Hyperlink" xfId="41" builtinId="9" hidden="1"/>
    <cellStyle name="Besuchter Hyperlink" xfId="42" builtinId="9" hidden="1"/>
    <cellStyle name="Besuchter Hyperlink" xfId="43" builtinId="9" hidden="1"/>
    <cellStyle name="Besuchter Hyperlink" xfId="44" builtinId="9" hidden="1"/>
    <cellStyle name="Besuchter Hyperlink" xfId="45" builtinId="9" hidden="1"/>
    <cellStyle name="Besuchter Hyperlink" xfId="46" builtinId="9" hidden="1"/>
    <cellStyle name="Besuchter Hyperlink" xfId="47" builtinId="9" hidden="1"/>
    <cellStyle name="Besuchter Hyperlink" xfId="48" builtinId="9" hidden="1"/>
    <cellStyle name="Besuchter Hyperlink" xfId="49" builtinId="9" hidden="1"/>
    <cellStyle name="Besuchter Hyperlink" xfId="50" builtinId="9" hidden="1"/>
    <cellStyle name="Besuchter Hyperlink" xfId="51" builtinId="9" hidden="1"/>
    <cellStyle name="Besuchter Hyperlink" xfId="52" builtinId="9" hidden="1"/>
    <cellStyle name="Besuchter Hyperlink" xfId="53" builtinId="9" hidden="1"/>
    <cellStyle name="Besuchter Hyperlink" xfId="54" builtinId="9" hidden="1"/>
    <cellStyle name="Besuchter Hyperlink" xfId="55" builtinId="9" hidden="1"/>
    <cellStyle name="Besuchter Hyperlink" xfId="56" builtinId="9" hidden="1"/>
    <cellStyle name="Besuchter Hyperlink" xfId="57" builtinId="9" hidden="1"/>
    <cellStyle name="Besuchter Hyperlink" xfId="58" builtinId="9" hidden="1"/>
    <cellStyle name="Besuchter Hyperlink" xfId="59" builtinId="9" hidden="1"/>
    <cellStyle name="Besuchter Hyperlink" xfId="60" builtinId="9" hidden="1"/>
    <cellStyle name="Besuchter Hyperlink" xfId="61" builtinId="9" hidden="1"/>
    <cellStyle name="Besuchter Hyperlink" xfId="62" builtinId="9" hidden="1"/>
    <cellStyle name="Besuchter Hyperlink" xfId="63" builtinId="9" hidden="1"/>
    <cellStyle name="Besuchter Hyperlink" xfId="64" builtinId="9" hidden="1"/>
    <cellStyle name="Besuchter Hyperlink" xfId="65" builtinId="9" hidden="1"/>
    <cellStyle name="Besuchter Hyperlink" xfId="66" builtinId="9" hidden="1"/>
    <cellStyle name="Besuchter Hyperlink" xfId="67" builtinId="9" hidden="1"/>
    <cellStyle name="Besuchter Hyperlink" xfId="68" builtinId="9" hidden="1"/>
    <cellStyle name="Besuchter Hyperlink" xfId="69" builtinId="9" hidden="1"/>
    <cellStyle name="Besuchter Hyperlink" xfId="70" builtinId="9" hidden="1"/>
    <cellStyle name="Besuchter Hyperlink" xfId="71" builtinId="9" hidden="1"/>
    <cellStyle name="Besuchter Hyperlink" xfId="72" builtinId="9" hidden="1"/>
    <cellStyle name="Besuchter Hyperlink" xfId="73" builtinId="9" hidden="1"/>
    <cellStyle name="Besuchter Hyperlink" xfId="74" builtinId="9" hidden="1"/>
    <cellStyle name="Besuchter Hyperlink" xfId="75" builtinId="9" hidden="1"/>
    <cellStyle name="Besuchter Hyperlink" xfId="76" builtinId="9" hidden="1"/>
    <cellStyle name="Besuchter Hyperlink" xfId="77" builtinId="9" hidden="1"/>
    <cellStyle name="Besuchter Hyperlink" xfId="78" builtinId="9" hidden="1"/>
    <cellStyle name="Besuchter Hyperlink" xfId="79" builtinId="9" hidden="1"/>
    <cellStyle name="Besuchter Hyperlink" xfId="80" builtinId="9" hidden="1"/>
    <cellStyle name="Besuchter Hyperlink" xfId="81" builtinId="9" hidden="1"/>
    <cellStyle name="Besuchter Hyperlink" xfId="82" builtinId="9" hidden="1"/>
    <cellStyle name="Besuchter Hyperlink" xfId="83" builtinId="9" hidden="1"/>
    <cellStyle name="Besuchter Hyperlink" xfId="84" builtinId="9" hidden="1"/>
    <cellStyle name="Besuchter Hyperlink" xfId="85" builtinId="9" hidden="1"/>
    <cellStyle name="Besuchter Hyperlink" xfId="86" builtinId="9" hidden="1"/>
    <cellStyle name="Besuchter Hyperlink" xfId="87" builtinId="9" hidden="1"/>
    <cellStyle name="Besuchter Hyperlink" xfId="88" builtinId="9" hidden="1"/>
    <cellStyle name="Besuchter Hyperlink" xfId="89" builtinId="9" hidden="1"/>
    <cellStyle name="Besuchter Hyperlink" xfId="90" builtinId="9" hidden="1"/>
    <cellStyle name="Besuchter Hyperlink" xfId="91" builtinId="9" hidden="1"/>
    <cellStyle name="Besuchter Hyperlink" xfId="92" builtinId="9" hidden="1"/>
    <cellStyle name="Besuchter Hyperlink" xfId="93" builtinId="9" hidden="1"/>
    <cellStyle name="Besuchter Hyperlink" xfId="94" builtinId="9" hidden="1"/>
    <cellStyle name="Besuchter Hyperlink" xfId="95" builtinId="9" hidden="1"/>
    <cellStyle name="Besuchter Hyperlink" xfId="96" builtinId="9" hidden="1"/>
    <cellStyle name="Besuchter Hyperlink" xfId="97" builtinId="9" hidden="1"/>
    <cellStyle name="Besuchter Hyperlink" xfId="98" builtinId="9" hidden="1"/>
    <cellStyle name="Besuchter Hyperlink" xfId="99" builtinId="9" hidden="1"/>
    <cellStyle name="Besuchter Hyperlink" xfId="100" builtinId="9" hidden="1"/>
    <cellStyle name="Besuchter Hyperlink" xfId="101" builtinId="9" hidden="1"/>
    <cellStyle name="Besuchter Hyperlink" xfId="102" builtinId="9" hidden="1"/>
    <cellStyle name="Besuchter Hyperlink" xfId="103" builtinId="9" hidden="1"/>
    <cellStyle name="Besuchter Hyperlink" xfId="104" builtinId="9" hidden="1"/>
    <cellStyle name="Besuchter Hyperlink" xfId="105" builtinId="9" hidden="1"/>
    <cellStyle name="Besuchter Hyperlink" xfId="106" builtinId="9" hidden="1"/>
    <cellStyle name="Besuchter Hyperlink" xfId="107" builtinId="9" hidden="1"/>
    <cellStyle name="Besuchter Hyperlink" xfId="108" builtinId="9" hidden="1"/>
    <cellStyle name="Besuchter Hyperlink" xfId="109" builtinId="9" hidden="1"/>
    <cellStyle name="Besuchter Hyperlink" xfId="110" builtinId="9" hidden="1"/>
    <cellStyle name="Besuchter Hyperlink" xfId="111" builtinId="9" hidden="1"/>
    <cellStyle name="Besuchter Hyperlink" xfId="112" builtinId="9" hidden="1"/>
    <cellStyle name="Besuchter Hyperlink" xfId="113" builtinId="9" hidden="1"/>
    <cellStyle name="Besuchter Hyperlink" xfId="114" builtinId="9" hidden="1"/>
    <cellStyle name="Besuchter Hyperlink" xfId="115" builtinId="9" hidden="1"/>
    <cellStyle name="Besuchter Hyperlink" xfId="116" builtinId="9" hidden="1"/>
    <cellStyle name="Besuchter Hyperlink" xfId="117" builtinId="9" hidden="1"/>
    <cellStyle name="Besuchter Hyperlink" xfId="118" builtinId="9" hidden="1"/>
    <cellStyle name="Besuchter Hyperlink" xfId="119" builtinId="9" hidden="1"/>
    <cellStyle name="Besuchter Hyperlink" xfId="120" builtinId="9" hidden="1"/>
    <cellStyle name="Besuchter Hyperlink" xfId="121" builtinId="9" hidden="1"/>
    <cellStyle name="Besuchter Hyperlink" xfId="122" builtinId="9" hidden="1"/>
    <cellStyle name="Besuchter Hyperlink" xfId="123" builtinId="9" hidden="1"/>
    <cellStyle name="Besuchter Hyperlink" xfId="124" builtinId="9" hidden="1"/>
    <cellStyle name="Besuchter Hyperlink" xfId="125" builtinId="9" hidden="1"/>
    <cellStyle name="Besuchter Hyperlink" xfId="126" builtinId="9" hidden="1"/>
    <cellStyle name="Besuchter Hyperlink" xfId="127" builtinId="9" hidden="1"/>
    <cellStyle name="Besuchter Hyperlink" xfId="128" builtinId="9" hidden="1"/>
    <cellStyle name="Besuchter Hyperlink" xfId="129" builtinId="9" hidden="1"/>
    <cellStyle name="Besuchter Hyperlink" xfId="130" builtinId="9" hidden="1"/>
    <cellStyle name="Besuchter Hyperlink" xfId="131" builtinId="9" hidden="1"/>
    <cellStyle name="Besuchter Hyperlink" xfId="132" builtinId="9" hidden="1"/>
    <cellStyle name="Besuchter Hyperlink" xfId="133" builtinId="9" hidden="1"/>
    <cellStyle name="Besuchter Hyperlink" xfId="134" builtinId="9" hidden="1"/>
    <cellStyle name="Besuchter Hyperlink" xfId="135" builtinId="9" hidden="1"/>
    <cellStyle name="Besuchter Hyperlink" xfId="136" builtinId="9" hidden="1"/>
    <cellStyle name="Besuchter Hyperlink" xfId="137" builtinId="9" hidden="1"/>
    <cellStyle name="Besuchter Hyperlink" xfId="138" builtinId="9" hidden="1"/>
    <cellStyle name="Besuchter Hyperlink" xfId="139" builtinId="9" hidden="1"/>
    <cellStyle name="Besuchter Hyperlink" xfId="140" builtinId="9" hidden="1"/>
    <cellStyle name="Besuchter Hyperlink" xfId="141" builtinId="9" hidden="1"/>
    <cellStyle name="Besuchter Hyperlink" xfId="142" builtinId="9" hidden="1"/>
    <cellStyle name="Besuchter Hyperlink" xfId="143" builtinId="9" hidden="1"/>
    <cellStyle name="Besuchter Hyperlink" xfId="144" builtinId="9" hidden="1"/>
    <cellStyle name="Besuchter Hyperlink" xfId="145" builtinId="9" hidden="1"/>
    <cellStyle name="Besuchter Hyperlink" xfId="146" builtinId="9" hidden="1"/>
    <cellStyle name="Besuchter Hyperlink" xfId="147" builtinId="9" hidden="1"/>
    <cellStyle name="Besuchter Hyperlink" xfId="148" builtinId="9" hidden="1"/>
    <cellStyle name="Besuchter Hyperlink" xfId="149" builtinId="9" hidden="1"/>
    <cellStyle name="Besuchter Hyperlink" xfId="150" builtinId="9" hidden="1"/>
    <cellStyle name="Besuchter Hyperlink" xfId="151" builtinId="9" hidden="1"/>
    <cellStyle name="Besuchter Hyperlink" xfId="152" builtinId="9" hidden="1"/>
    <cellStyle name="Besuchter Hyperlink" xfId="153" builtinId="9" hidden="1"/>
    <cellStyle name="Besuchter Hyperlink" xfId="154" builtinId="9" hidden="1"/>
    <cellStyle name="Besuchter Hyperlink" xfId="155" builtinId="9" hidden="1"/>
    <cellStyle name="Besuchter Hyperlink" xfId="156" builtinId="9" hidden="1"/>
    <cellStyle name="Besuchter Hyperlink" xfId="157" builtinId="9" hidden="1"/>
    <cellStyle name="Besuchter Hyperlink" xfId="158" builtinId="9" hidden="1"/>
    <cellStyle name="Besuchter Hyperlink" xfId="159" builtinId="9" hidden="1"/>
    <cellStyle name="Besuchter Hyperlink" xfId="160" builtinId="9" hidden="1"/>
    <cellStyle name="Besuchter Hyperlink" xfId="161" builtinId="9" hidden="1"/>
    <cellStyle name="Besuchter Hyperlink" xfId="162" builtinId="9" hidden="1"/>
    <cellStyle name="Besuchter Hyperlink" xfId="163" builtinId="9" hidden="1"/>
    <cellStyle name="Besuchter Hyperlink" xfId="164" builtinId="9" hidden="1"/>
    <cellStyle name="Besuchter Hyperlink" xfId="165" builtinId="9" hidden="1"/>
    <cellStyle name="Besuchter Hyperlink" xfId="166" builtinId="9" hidden="1"/>
    <cellStyle name="Besuchter Hyperlink" xfId="167" builtinId="9" hidden="1"/>
    <cellStyle name="Besuchter Hyperlink" xfId="168" builtinId="9" hidden="1"/>
    <cellStyle name="Besuchter Hyperlink" xfId="169" builtinId="9" hidden="1"/>
    <cellStyle name="Besuchter Hyperlink" xfId="170" builtinId="9" hidden="1"/>
    <cellStyle name="Besuchter Hyperlink" xfId="171" builtinId="9" hidden="1"/>
    <cellStyle name="Besuchter Hyperlink" xfId="172" builtinId="9" hidden="1"/>
    <cellStyle name="Besuchter Hyperlink" xfId="173" builtinId="9" hidden="1"/>
    <cellStyle name="Besuchter Hyperlink" xfId="174" builtinId="9" hidden="1"/>
    <cellStyle name="Besuchter Hyperlink" xfId="175" builtinId="9" hidden="1"/>
    <cellStyle name="Besuchter Hyperlink" xfId="176" builtinId="9" hidden="1"/>
    <cellStyle name="Besuchter Hyperlink" xfId="177" builtinId="9" hidden="1"/>
    <cellStyle name="Besuchter Hyperlink" xfId="178" builtinId="9" hidden="1"/>
    <cellStyle name="Besuchter Hyperlink" xfId="179" builtinId="9" hidden="1"/>
    <cellStyle name="Besuchter Hyperlink" xfId="180" builtinId="9" hidden="1"/>
    <cellStyle name="Besuchter Hyperlink" xfId="181" builtinId="9" hidden="1"/>
    <cellStyle name="Besuchter Hyperlink" xfId="182" builtinId="9" hidden="1"/>
    <cellStyle name="Besuchter Hyperlink" xfId="183" builtinId="9" hidden="1"/>
    <cellStyle name="Besuchter Hyperlink" xfId="184" builtinId="9" hidden="1"/>
    <cellStyle name="Besuchter Hyperlink" xfId="185" builtinId="9" hidden="1"/>
    <cellStyle name="Besuchter Hyperlink" xfId="186" builtinId="9" hidden="1"/>
    <cellStyle name="Besuchter Hyperlink" xfId="187" builtinId="9" hidden="1"/>
    <cellStyle name="Besuchter Hyperlink" xfId="188" builtinId="9" hidden="1"/>
    <cellStyle name="Besuchter Hyperlink" xfId="189" builtinId="9" hidden="1"/>
    <cellStyle name="Besuchter Hyperlink" xfId="190" builtinId="9" hidden="1"/>
    <cellStyle name="Besuchter Hyperlink" xfId="191" builtinId="9" hidden="1"/>
    <cellStyle name="Besuchter Hyperlink" xfId="192" builtinId="9" hidden="1"/>
    <cellStyle name="Besuchter Hyperlink" xfId="193" builtinId="9" hidden="1"/>
    <cellStyle name="Besuchter Hyperlink" xfId="194" builtinId="9" hidden="1"/>
    <cellStyle name="Besuchter Hyperlink" xfId="195" builtinId="9" hidden="1"/>
    <cellStyle name="Besuchter Hyperlink" xfId="196" builtinId="9" hidden="1"/>
    <cellStyle name="Besuchter Hyperlink" xfId="197" builtinId="9" hidden="1"/>
    <cellStyle name="Besuchter Hyperlink" xfId="198" builtinId="9" hidden="1"/>
    <cellStyle name="Besuchter Hyperlink" xfId="199" builtinId="9" hidden="1"/>
    <cellStyle name="Standard" xfId="0" builtinId="0"/>
  </cellStyles>
  <dxfs count="0"/>
  <tableStyles count="0" defaultTableStyle="TableStyleMedium9" defaultPivotStyle="PivotStyleLight16"/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connections" Target="connections.xml"/></Relationships>
</file>

<file path=xl/theme/theme1.xml><?xml version="1.0" encoding="utf-8"?>
<a:theme xmlns:a="http://schemas.openxmlformats.org/drawingml/2006/main" name="Larissa-Design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>
  <dimension ref="A1:O499"/>
  <sheetViews>
    <sheetView tabSelected="1" topLeftCell="C1" zoomScale="90" zoomScaleNormal="90" workbookViewId="0">
      <pane ySplit="9" topLeftCell="A10" activePane="bottomLeft" state="frozen"/>
      <selection activeCell="B1" sqref="B1"/>
      <selection pane="bottomLeft" activeCell="L3" sqref="L3:O3"/>
    </sheetView>
  </sheetViews>
  <sheetFormatPr baseColWidth="10" defaultRowHeight="15"/>
  <cols>
    <col min="1" max="1" width="11.42578125" style="16" hidden="1" customWidth="1"/>
    <col min="2" max="2" width="6.42578125" style="17" hidden="1" customWidth="1"/>
    <col min="3" max="3" width="10.85546875" style="16" customWidth="1"/>
    <col min="4" max="4" width="1.42578125" style="16" customWidth="1"/>
    <col min="5" max="12" width="3.5703125" style="16" customWidth="1"/>
    <col min="13" max="13" width="100.7109375" style="16" customWidth="1"/>
    <col min="14" max="14" width="20.85546875" style="16" customWidth="1"/>
    <col min="15" max="15" width="24.28515625" style="16" customWidth="1"/>
    <col min="16" max="16384" width="11.42578125" style="16"/>
  </cols>
  <sheetData>
    <row r="1" spans="2:15" ht="5.25" customHeight="1">
      <c r="B1" s="15"/>
      <c r="F1" s="17"/>
      <c r="G1" s="17"/>
      <c r="H1" s="17"/>
    </row>
    <row r="2" spans="2:15" ht="4.5" customHeight="1">
      <c r="B2" s="16"/>
      <c r="C2" s="1"/>
      <c r="D2" s="2"/>
      <c r="E2" s="2"/>
      <c r="F2" s="3"/>
      <c r="G2" s="3"/>
      <c r="H2" s="3"/>
      <c r="I2" s="3"/>
      <c r="J2" s="3"/>
      <c r="K2" s="3"/>
      <c r="L2" s="21"/>
      <c r="M2" s="18"/>
      <c r="N2" s="18"/>
      <c r="O2" s="22"/>
    </row>
    <row r="3" spans="2:15" s="23" customFormat="1" ht="21.75" thickBot="1">
      <c r="C3" s="4" t="s">
        <v>1</v>
      </c>
      <c r="D3" s="5"/>
      <c r="E3" s="5"/>
      <c r="F3" s="24"/>
      <c r="G3" s="25"/>
      <c r="H3" s="25"/>
      <c r="I3" s="25"/>
      <c r="J3" s="25"/>
      <c r="K3" s="25"/>
      <c r="L3" s="55"/>
      <c r="M3" s="56"/>
      <c r="N3" s="56"/>
      <c r="O3" s="57"/>
    </row>
    <row r="4" spans="2:15" s="23" customFormat="1" ht="4.5" customHeight="1">
      <c r="C4" s="6"/>
      <c r="D4" s="7"/>
      <c r="E4" s="7"/>
      <c r="F4" s="8"/>
      <c r="G4" s="9"/>
      <c r="H4" s="9"/>
      <c r="I4" s="9"/>
      <c r="J4" s="9"/>
      <c r="K4" s="9"/>
      <c r="L4" s="26"/>
      <c r="M4" s="27"/>
      <c r="N4" s="27"/>
      <c r="O4" s="28"/>
    </row>
    <row r="5" spans="2:15" ht="7.5" customHeight="1">
      <c r="B5" s="16"/>
      <c r="C5" s="17"/>
      <c r="G5" s="17"/>
      <c r="H5" s="17"/>
      <c r="I5" s="17"/>
      <c r="J5" s="17"/>
      <c r="K5" s="17"/>
      <c r="M5" s="29"/>
      <c r="N5" s="29"/>
      <c r="O5" s="29"/>
    </row>
    <row r="6" spans="2:15" s="30" customFormat="1" ht="22.5" customHeight="1">
      <c r="C6" s="13" t="s">
        <v>2</v>
      </c>
      <c r="D6" s="14"/>
      <c r="E6" s="31"/>
      <c r="F6" s="12"/>
      <c r="G6" s="32"/>
      <c r="H6" s="32"/>
      <c r="I6" s="32"/>
      <c r="J6" s="32"/>
      <c r="K6" s="32"/>
      <c r="L6" s="58"/>
      <c r="M6" s="59"/>
      <c r="N6" s="59"/>
      <c r="O6" s="60"/>
    </row>
    <row r="7" spans="2:15" s="30" customFormat="1" ht="22.5" customHeight="1">
      <c r="C7" s="13" t="s">
        <v>3</v>
      </c>
      <c r="D7" s="14"/>
      <c r="E7" s="31"/>
      <c r="F7" s="12"/>
      <c r="G7" s="32"/>
      <c r="H7" s="32"/>
      <c r="I7" s="32"/>
      <c r="J7" s="32"/>
      <c r="K7" s="32"/>
      <c r="L7" s="58"/>
      <c r="M7" s="59"/>
      <c r="N7" s="59"/>
      <c r="O7" s="60"/>
    </row>
    <row r="8" spans="2:15" ht="7.5" customHeight="1" thickBot="1">
      <c r="F8" s="17"/>
      <c r="G8" s="17"/>
      <c r="H8" s="17"/>
    </row>
    <row r="9" spans="2:15" s="33" customFormat="1" ht="45" customHeight="1">
      <c r="B9" s="34" t="s">
        <v>4</v>
      </c>
      <c r="C9" s="10" t="s">
        <v>5</v>
      </c>
      <c r="D9" s="35"/>
      <c r="E9" s="36" t="s">
        <v>474</v>
      </c>
      <c r="F9" s="37"/>
      <c r="G9" s="37"/>
      <c r="H9" s="37"/>
      <c r="I9" s="37"/>
      <c r="J9" s="37"/>
      <c r="K9" s="37"/>
      <c r="L9" s="37"/>
      <c r="M9" s="38"/>
      <c r="N9" s="39" t="s">
        <v>6</v>
      </c>
      <c r="O9" s="11" t="s">
        <v>7</v>
      </c>
    </row>
    <row r="10" spans="2:15" s="42" customFormat="1" ht="15.75" customHeight="1">
      <c r="B10" s="65"/>
      <c r="C10" s="40">
        <v>93626</v>
      </c>
      <c r="D10" s="66"/>
      <c r="E10" s="67" t="s">
        <v>0</v>
      </c>
      <c r="F10" s="68"/>
      <c r="G10" s="68"/>
      <c r="H10" s="68"/>
      <c r="I10" s="68"/>
      <c r="J10" s="69"/>
      <c r="K10" s="51"/>
      <c r="L10" s="51"/>
      <c r="M10" s="70"/>
      <c r="N10" s="19"/>
      <c r="O10" s="20"/>
    </row>
    <row r="11" spans="2:15" s="42" customFormat="1" ht="15" customHeight="1">
      <c r="B11" s="65"/>
      <c r="C11" s="40">
        <v>93545</v>
      </c>
      <c r="D11" s="66"/>
      <c r="E11" s="69"/>
      <c r="F11" s="69" t="s">
        <v>8</v>
      </c>
      <c r="G11" s="68"/>
      <c r="H11" s="68"/>
      <c r="I11" s="68"/>
      <c r="J11" s="69"/>
      <c r="K11" s="51"/>
      <c r="L11" s="51"/>
      <c r="M11" s="70"/>
      <c r="N11" s="19"/>
      <c r="O11" s="20"/>
    </row>
    <row r="12" spans="2:15" s="42" customFormat="1" ht="15" customHeight="1">
      <c r="B12" s="65"/>
      <c r="C12" s="40">
        <v>93546</v>
      </c>
      <c r="D12" s="66"/>
      <c r="E12" s="69"/>
      <c r="F12" s="69"/>
      <c r="G12" s="69" t="s">
        <v>9</v>
      </c>
      <c r="H12" s="68"/>
      <c r="I12" s="68"/>
      <c r="J12" s="69"/>
      <c r="K12" s="51"/>
      <c r="L12" s="51"/>
      <c r="M12" s="70"/>
      <c r="N12" s="19"/>
      <c r="O12" s="20"/>
    </row>
    <row r="13" spans="2:15" s="42" customFormat="1" ht="15" customHeight="1">
      <c r="B13" s="65"/>
      <c r="C13" s="40">
        <v>1851</v>
      </c>
      <c r="D13" s="66"/>
      <c r="E13" s="69"/>
      <c r="F13" s="69"/>
      <c r="G13" s="69"/>
      <c r="H13" s="69" t="s">
        <v>10</v>
      </c>
      <c r="I13" s="68"/>
      <c r="J13" s="69"/>
      <c r="K13" s="51"/>
      <c r="L13" s="51"/>
      <c r="M13" s="70"/>
      <c r="N13" s="19"/>
      <c r="O13" s="20"/>
    </row>
    <row r="14" spans="2:15" s="42" customFormat="1" ht="15" customHeight="1">
      <c r="B14" s="65"/>
      <c r="C14" s="40">
        <v>97363</v>
      </c>
      <c r="D14" s="66"/>
      <c r="E14" s="69"/>
      <c r="F14" s="69"/>
      <c r="G14" s="69"/>
      <c r="H14" s="69"/>
      <c r="I14" s="69" t="s">
        <v>11</v>
      </c>
      <c r="J14" s="69"/>
      <c r="K14" s="51"/>
      <c r="L14" s="51"/>
      <c r="M14" s="70"/>
      <c r="N14" s="19"/>
      <c r="O14" s="20"/>
    </row>
    <row r="15" spans="2:15" s="42" customFormat="1" ht="15" customHeight="1">
      <c r="B15" s="65"/>
      <c r="C15" s="40">
        <v>97364</v>
      </c>
      <c r="D15" s="71"/>
      <c r="E15" s="72"/>
      <c r="F15" s="72"/>
      <c r="G15" s="72"/>
      <c r="H15" s="72"/>
      <c r="I15" s="72" t="s">
        <v>12</v>
      </c>
      <c r="J15" s="72"/>
      <c r="K15" s="51"/>
      <c r="L15" s="51"/>
      <c r="M15" s="70"/>
      <c r="N15" s="19"/>
      <c r="O15" s="20"/>
    </row>
    <row r="16" spans="2:15" s="42" customFormat="1" ht="15" customHeight="1">
      <c r="B16" s="65"/>
      <c r="C16" s="40">
        <v>2970</v>
      </c>
      <c r="D16" s="66"/>
      <c r="E16" s="69"/>
      <c r="F16" s="69"/>
      <c r="G16" s="69"/>
      <c r="H16" s="69" t="s">
        <v>13</v>
      </c>
      <c r="I16" s="68"/>
      <c r="J16" s="69"/>
      <c r="K16" s="51"/>
      <c r="L16" s="51"/>
      <c r="M16" s="70"/>
      <c r="N16" s="19"/>
      <c r="O16" s="20"/>
    </row>
    <row r="17" spans="2:15" s="42" customFormat="1" ht="15" customHeight="1">
      <c r="B17" s="65"/>
      <c r="C17" s="40">
        <v>93178</v>
      </c>
      <c r="D17" s="66"/>
      <c r="E17" s="69"/>
      <c r="F17" s="69"/>
      <c r="G17" s="69"/>
      <c r="H17" s="69"/>
      <c r="I17" s="69" t="s">
        <v>14</v>
      </c>
      <c r="J17" s="69"/>
      <c r="K17" s="51"/>
      <c r="L17" s="51"/>
      <c r="M17" s="70"/>
      <c r="N17" s="19"/>
      <c r="O17" s="20"/>
    </row>
    <row r="18" spans="2:15" s="42" customFormat="1" ht="15" customHeight="1">
      <c r="B18" s="65"/>
      <c r="C18" s="40">
        <v>322</v>
      </c>
      <c r="D18" s="71"/>
      <c r="E18" s="72"/>
      <c r="F18" s="72"/>
      <c r="G18" s="72"/>
      <c r="H18" s="72" t="s">
        <v>15</v>
      </c>
      <c r="I18" s="68"/>
      <c r="J18" s="72"/>
      <c r="K18" s="51"/>
      <c r="L18" s="51"/>
      <c r="M18" s="70"/>
      <c r="N18" s="19"/>
      <c r="O18" s="20"/>
    </row>
    <row r="19" spans="2:15" s="42" customFormat="1" ht="15" customHeight="1">
      <c r="B19" s="65"/>
      <c r="C19" s="40">
        <v>93928</v>
      </c>
      <c r="D19" s="71"/>
      <c r="E19" s="72"/>
      <c r="F19" s="72"/>
      <c r="G19" s="72"/>
      <c r="H19" s="72"/>
      <c r="I19" s="72" t="s">
        <v>16</v>
      </c>
      <c r="J19" s="72"/>
      <c r="K19" s="51"/>
      <c r="L19" s="51"/>
      <c r="M19" s="70"/>
      <c r="N19" s="19"/>
      <c r="O19" s="20"/>
    </row>
    <row r="20" spans="2:15" s="42" customFormat="1" ht="15" customHeight="1">
      <c r="B20" s="65"/>
      <c r="C20" s="40">
        <v>93929</v>
      </c>
      <c r="D20" s="66"/>
      <c r="E20" s="69"/>
      <c r="F20" s="69"/>
      <c r="G20" s="69"/>
      <c r="H20" s="69"/>
      <c r="I20" s="69" t="s">
        <v>17</v>
      </c>
      <c r="J20" s="69"/>
      <c r="K20" s="51"/>
      <c r="L20" s="51"/>
      <c r="M20" s="70"/>
      <c r="N20" s="19"/>
      <c r="O20" s="20"/>
    </row>
    <row r="21" spans="2:15" s="42" customFormat="1" ht="15" customHeight="1">
      <c r="B21" s="65"/>
      <c r="C21" s="40">
        <v>93930</v>
      </c>
      <c r="D21" s="71"/>
      <c r="E21" s="72"/>
      <c r="F21" s="72"/>
      <c r="G21" s="72"/>
      <c r="H21" s="72"/>
      <c r="I21" s="72" t="s">
        <v>18</v>
      </c>
      <c r="J21" s="72"/>
      <c r="K21" s="51"/>
      <c r="L21" s="51"/>
      <c r="M21" s="70"/>
      <c r="N21" s="19"/>
      <c r="O21" s="20"/>
    </row>
    <row r="22" spans="2:15" s="42" customFormat="1" ht="15" customHeight="1">
      <c r="B22" s="65"/>
      <c r="C22" s="40">
        <v>2190</v>
      </c>
      <c r="D22" s="66"/>
      <c r="E22" s="69"/>
      <c r="F22" s="69"/>
      <c r="G22" s="69"/>
      <c r="H22" s="69" t="s">
        <v>19</v>
      </c>
      <c r="I22" s="69"/>
      <c r="J22" s="69"/>
      <c r="K22" s="51"/>
      <c r="L22" s="51"/>
      <c r="M22" s="70"/>
      <c r="N22" s="19"/>
      <c r="O22" s="20"/>
    </row>
    <row r="23" spans="2:15" s="42" customFormat="1" ht="15" customHeight="1">
      <c r="B23" s="65"/>
      <c r="C23" s="40">
        <v>1848</v>
      </c>
      <c r="D23" s="71"/>
      <c r="E23" s="72"/>
      <c r="F23" s="72"/>
      <c r="G23" s="72"/>
      <c r="H23" s="72" t="s">
        <v>20</v>
      </c>
      <c r="I23" s="72"/>
      <c r="J23" s="72"/>
      <c r="K23" s="51"/>
      <c r="L23" s="51"/>
      <c r="M23" s="70"/>
      <c r="N23" s="19"/>
      <c r="O23" s="20"/>
    </row>
    <row r="24" spans="2:15" s="42" customFormat="1" ht="15" customHeight="1">
      <c r="B24" s="65"/>
      <c r="C24" s="40">
        <v>3033</v>
      </c>
      <c r="D24" s="66"/>
      <c r="E24" s="69"/>
      <c r="F24" s="69"/>
      <c r="G24" s="69"/>
      <c r="H24" s="69" t="s">
        <v>21</v>
      </c>
      <c r="I24" s="68"/>
      <c r="J24" s="69"/>
      <c r="K24" s="51"/>
      <c r="L24" s="51"/>
      <c r="M24" s="70"/>
      <c r="N24" s="19"/>
      <c r="O24" s="20"/>
    </row>
    <row r="25" spans="2:15" s="42" customFormat="1" ht="15" customHeight="1">
      <c r="B25" s="65"/>
      <c r="C25" s="40">
        <v>97367</v>
      </c>
      <c r="D25" s="66"/>
      <c r="E25" s="69"/>
      <c r="F25" s="69"/>
      <c r="G25" s="69"/>
      <c r="H25" s="69"/>
      <c r="I25" s="69" t="s">
        <v>22</v>
      </c>
      <c r="J25" s="69"/>
      <c r="K25" s="51"/>
      <c r="L25" s="51"/>
      <c r="M25" s="70"/>
      <c r="N25" s="19"/>
      <c r="O25" s="20"/>
    </row>
    <row r="26" spans="2:15" s="42" customFormat="1" ht="15" customHeight="1">
      <c r="B26" s="65"/>
      <c r="C26" s="40">
        <v>97368</v>
      </c>
      <c r="D26" s="71"/>
      <c r="E26" s="72"/>
      <c r="F26" s="72"/>
      <c r="G26" s="72"/>
      <c r="H26" s="72"/>
      <c r="I26" s="72" t="s">
        <v>23</v>
      </c>
      <c r="J26" s="72"/>
      <c r="K26" s="51"/>
      <c r="L26" s="51"/>
      <c r="M26" s="70"/>
      <c r="N26" s="19"/>
      <c r="O26" s="20"/>
    </row>
    <row r="27" spans="2:15" s="42" customFormat="1" ht="15" customHeight="1">
      <c r="B27" s="65"/>
      <c r="C27" s="40">
        <v>97369</v>
      </c>
      <c r="D27" s="66"/>
      <c r="E27" s="69"/>
      <c r="F27" s="69"/>
      <c r="G27" s="69"/>
      <c r="H27" s="69"/>
      <c r="I27" s="69" t="s">
        <v>24</v>
      </c>
      <c r="J27" s="69"/>
      <c r="K27" s="51"/>
      <c r="L27" s="51"/>
      <c r="M27" s="70"/>
      <c r="N27" s="19"/>
      <c r="O27" s="20"/>
    </row>
    <row r="28" spans="2:15" s="42" customFormat="1" ht="15" customHeight="1">
      <c r="B28" s="65"/>
      <c r="C28" s="40">
        <v>1309</v>
      </c>
      <c r="D28" s="71"/>
      <c r="E28" s="72"/>
      <c r="F28" s="72"/>
      <c r="G28" s="72"/>
      <c r="H28" s="72" t="s">
        <v>25</v>
      </c>
      <c r="I28" s="72"/>
      <c r="J28" s="72"/>
      <c r="K28" s="51"/>
      <c r="L28" s="51"/>
      <c r="M28" s="70"/>
      <c r="N28" s="19"/>
      <c r="O28" s="20"/>
    </row>
    <row r="29" spans="2:15" s="42" customFormat="1" ht="15" customHeight="1">
      <c r="B29" s="65"/>
      <c r="C29" s="40">
        <v>2260</v>
      </c>
      <c r="D29" s="66"/>
      <c r="E29" s="69"/>
      <c r="F29" s="69"/>
      <c r="G29" s="69"/>
      <c r="H29" s="69" t="s">
        <v>26</v>
      </c>
      <c r="I29" s="69"/>
      <c r="J29" s="69"/>
      <c r="K29" s="51"/>
      <c r="L29" s="51"/>
      <c r="M29" s="70"/>
      <c r="N29" s="19"/>
      <c r="O29" s="20"/>
    </row>
    <row r="30" spans="2:15" s="42" customFormat="1" ht="15" customHeight="1">
      <c r="B30" s="65"/>
      <c r="C30" s="40">
        <v>105</v>
      </c>
      <c r="D30" s="71"/>
      <c r="E30" s="72"/>
      <c r="F30" s="72"/>
      <c r="G30" s="72"/>
      <c r="H30" s="72" t="s">
        <v>27</v>
      </c>
      <c r="I30" s="72"/>
      <c r="J30" s="72"/>
      <c r="K30" s="51"/>
      <c r="L30" s="51"/>
      <c r="M30" s="70"/>
      <c r="N30" s="19"/>
      <c r="O30" s="20"/>
    </row>
    <row r="31" spans="2:15" s="42" customFormat="1" ht="15" customHeight="1">
      <c r="B31" s="65"/>
      <c r="C31" s="40">
        <v>237</v>
      </c>
      <c r="D31" s="66"/>
      <c r="E31" s="69"/>
      <c r="F31" s="69"/>
      <c r="G31" s="69"/>
      <c r="H31" s="69" t="s">
        <v>28</v>
      </c>
      <c r="I31" s="69"/>
      <c r="J31" s="69"/>
      <c r="K31" s="51"/>
      <c r="L31" s="51"/>
      <c r="M31" s="70"/>
      <c r="N31" s="19"/>
      <c r="O31" s="20"/>
    </row>
    <row r="32" spans="2:15" s="42" customFormat="1" ht="15" customHeight="1">
      <c r="B32" s="65"/>
      <c r="C32" s="40">
        <v>617</v>
      </c>
      <c r="D32" s="71"/>
      <c r="E32" s="72"/>
      <c r="F32" s="72"/>
      <c r="G32" s="72"/>
      <c r="H32" s="72" t="s">
        <v>29</v>
      </c>
      <c r="I32" s="68"/>
      <c r="J32" s="72"/>
      <c r="K32" s="51"/>
      <c r="L32" s="51"/>
      <c r="M32" s="70"/>
      <c r="N32" s="19"/>
      <c r="O32" s="20"/>
    </row>
    <row r="33" spans="2:15" s="42" customFormat="1" ht="15" customHeight="1">
      <c r="B33" s="65"/>
      <c r="C33" s="40">
        <v>238642</v>
      </c>
      <c r="D33" s="71"/>
      <c r="E33" s="72"/>
      <c r="F33" s="72"/>
      <c r="G33" s="72"/>
      <c r="H33" s="72"/>
      <c r="I33" s="72" t="s">
        <v>30</v>
      </c>
      <c r="J33" s="72"/>
      <c r="K33" s="51"/>
      <c r="L33" s="51"/>
      <c r="M33" s="70"/>
      <c r="N33" s="19"/>
      <c r="O33" s="20"/>
    </row>
    <row r="34" spans="2:15" s="42" customFormat="1" ht="15" customHeight="1">
      <c r="B34" s="65"/>
      <c r="C34" s="40">
        <v>238646</v>
      </c>
      <c r="D34" s="66"/>
      <c r="E34" s="69"/>
      <c r="F34" s="69"/>
      <c r="G34" s="69"/>
      <c r="H34" s="69"/>
      <c r="I34" s="69" t="s">
        <v>31</v>
      </c>
      <c r="J34" s="69"/>
      <c r="K34" s="51"/>
      <c r="L34" s="51"/>
      <c r="M34" s="70"/>
      <c r="N34" s="19"/>
      <c r="O34" s="20"/>
    </row>
    <row r="35" spans="2:15" s="42" customFormat="1" ht="15" customHeight="1">
      <c r="B35" s="65"/>
      <c r="C35" s="40">
        <v>238650</v>
      </c>
      <c r="D35" s="71"/>
      <c r="E35" s="72"/>
      <c r="F35" s="72"/>
      <c r="G35" s="72"/>
      <c r="H35" s="72"/>
      <c r="I35" s="72" t="s">
        <v>32</v>
      </c>
      <c r="J35" s="72"/>
      <c r="K35" s="51"/>
      <c r="L35" s="51"/>
      <c r="M35" s="70"/>
      <c r="N35" s="19"/>
      <c r="O35" s="20"/>
    </row>
    <row r="36" spans="2:15" s="42" customFormat="1" ht="15" customHeight="1">
      <c r="B36" s="65"/>
      <c r="C36" s="40">
        <v>238654</v>
      </c>
      <c r="D36" s="66"/>
      <c r="E36" s="69"/>
      <c r="F36" s="69"/>
      <c r="G36" s="69"/>
      <c r="H36" s="69"/>
      <c r="I36" s="69" t="s">
        <v>33</v>
      </c>
      <c r="J36" s="69"/>
      <c r="K36" s="51"/>
      <c r="L36" s="51"/>
      <c r="M36" s="70"/>
      <c r="N36" s="19"/>
      <c r="O36" s="20"/>
    </row>
    <row r="37" spans="2:15" s="42" customFormat="1" ht="15" customHeight="1">
      <c r="B37" s="65"/>
      <c r="C37" s="40">
        <v>488</v>
      </c>
      <c r="D37" s="71"/>
      <c r="E37" s="72"/>
      <c r="F37" s="72"/>
      <c r="G37" s="72"/>
      <c r="H37" s="72" t="s">
        <v>34</v>
      </c>
      <c r="I37" s="72"/>
      <c r="J37" s="72"/>
      <c r="K37" s="51"/>
      <c r="L37" s="51"/>
      <c r="M37" s="70"/>
      <c r="N37" s="19"/>
      <c r="O37" s="20"/>
    </row>
    <row r="38" spans="2:15" s="42" customFormat="1" ht="15" customHeight="1">
      <c r="B38" s="65"/>
      <c r="C38" s="40">
        <v>93100</v>
      </c>
      <c r="D38" s="66"/>
      <c r="E38" s="69"/>
      <c r="F38" s="69"/>
      <c r="G38" s="69"/>
      <c r="H38" s="69" t="s">
        <v>35</v>
      </c>
      <c r="I38" s="69"/>
      <c r="J38" s="69"/>
      <c r="K38" s="51"/>
      <c r="L38" s="51"/>
      <c r="M38" s="70"/>
      <c r="N38" s="19"/>
      <c r="O38" s="20"/>
    </row>
    <row r="39" spans="2:15" s="42" customFormat="1" ht="15" customHeight="1">
      <c r="B39" s="65"/>
      <c r="C39" s="40">
        <v>93101</v>
      </c>
      <c r="D39" s="71"/>
      <c r="E39" s="72"/>
      <c r="F39" s="72"/>
      <c r="G39" s="72"/>
      <c r="H39" s="72" t="s">
        <v>36</v>
      </c>
      <c r="I39" s="68"/>
      <c r="J39" s="72"/>
      <c r="K39" s="51"/>
      <c r="L39" s="51"/>
      <c r="M39" s="70"/>
      <c r="N39" s="19"/>
      <c r="O39" s="20"/>
    </row>
    <row r="40" spans="2:15" s="42" customFormat="1" ht="15" customHeight="1">
      <c r="B40" s="65"/>
      <c r="C40" s="40">
        <v>97361</v>
      </c>
      <c r="D40" s="71"/>
      <c r="E40" s="72"/>
      <c r="F40" s="72"/>
      <c r="G40" s="72"/>
      <c r="H40" s="72"/>
      <c r="I40" s="72" t="s">
        <v>37</v>
      </c>
      <c r="J40" s="72"/>
      <c r="K40" s="51"/>
      <c r="L40" s="51"/>
      <c r="M40" s="70"/>
      <c r="N40" s="19"/>
      <c r="O40" s="20"/>
    </row>
    <row r="41" spans="2:15" s="42" customFormat="1" ht="15" customHeight="1">
      <c r="B41" s="65"/>
      <c r="C41" s="40">
        <v>97362</v>
      </c>
      <c r="D41" s="66"/>
      <c r="E41" s="69"/>
      <c r="F41" s="69"/>
      <c r="G41" s="69"/>
      <c r="H41" s="69"/>
      <c r="I41" s="69" t="s">
        <v>38</v>
      </c>
      <c r="J41" s="69"/>
      <c r="K41" s="51"/>
      <c r="L41" s="51"/>
      <c r="M41" s="70"/>
      <c r="N41" s="19"/>
      <c r="O41" s="20"/>
    </row>
    <row r="42" spans="2:15" s="42" customFormat="1" ht="15" customHeight="1">
      <c r="B42" s="65"/>
      <c r="C42" s="40">
        <v>93108</v>
      </c>
      <c r="D42" s="71"/>
      <c r="E42" s="72"/>
      <c r="F42" s="72"/>
      <c r="G42" s="72"/>
      <c r="H42" s="72" t="s">
        <v>39</v>
      </c>
      <c r="I42" s="68"/>
      <c r="J42" s="72"/>
      <c r="K42" s="51"/>
      <c r="L42" s="51"/>
      <c r="M42" s="70"/>
      <c r="N42" s="19"/>
      <c r="O42" s="20"/>
    </row>
    <row r="43" spans="2:15" s="42" customFormat="1" ht="15" customHeight="1">
      <c r="B43" s="65"/>
      <c r="C43" s="40">
        <v>93172</v>
      </c>
      <c r="D43" s="71"/>
      <c r="E43" s="72"/>
      <c r="F43" s="72"/>
      <c r="G43" s="72"/>
      <c r="H43" s="72"/>
      <c r="I43" s="72" t="s">
        <v>40</v>
      </c>
      <c r="J43" s="72"/>
      <c r="K43" s="51"/>
      <c r="L43" s="51"/>
      <c r="M43" s="70"/>
      <c r="N43" s="19"/>
      <c r="O43" s="20"/>
    </row>
    <row r="44" spans="2:15" s="42" customFormat="1" ht="15" customHeight="1">
      <c r="B44" s="65"/>
      <c r="C44" s="40">
        <v>93173</v>
      </c>
      <c r="D44" s="66"/>
      <c r="E44" s="69"/>
      <c r="F44" s="69"/>
      <c r="G44" s="69"/>
      <c r="H44" s="69"/>
      <c r="I44" s="69" t="s">
        <v>41</v>
      </c>
      <c r="J44" s="69"/>
      <c r="K44" s="51"/>
      <c r="L44" s="51"/>
      <c r="M44" s="70"/>
      <c r="N44" s="19"/>
      <c r="O44" s="20"/>
    </row>
    <row r="45" spans="2:15" s="42" customFormat="1" ht="15" customHeight="1">
      <c r="B45" s="65"/>
      <c r="C45" s="40">
        <v>93109</v>
      </c>
      <c r="D45" s="71"/>
      <c r="E45" s="72"/>
      <c r="F45" s="72"/>
      <c r="G45" s="72"/>
      <c r="H45" s="72" t="s">
        <v>42</v>
      </c>
      <c r="I45" s="68"/>
      <c r="J45" s="72"/>
      <c r="K45" s="51"/>
      <c r="L45" s="51"/>
      <c r="M45" s="70"/>
      <c r="N45" s="19"/>
      <c r="O45" s="20"/>
    </row>
    <row r="46" spans="2:15" s="42" customFormat="1" ht="15" customHeight="1">
      <c r="B46" s="65"/>
      <c r="C46" s="40">
        <v>93176</v>
      </c>
      <c r="D46" s="71"/>
      <c r="E46" s="72"/>
      <c r="F46" s="72"/>
      <c r="G46" s="72"/>
      <c r="H46" s="72"/>
      <c r="I46" s="72" t="s">
        <v>43</v>
      </c>
      <c r="J46" s="72"/>
      <c r="K46" s="51"/>
      <c r="L46" s="51"/>
      <c r="M46" s="70"/>
      <c r="N46" s="19"/>
      <c r="O46" s="20"/>
    </row>
    <row r="47" spans="2:15" s="42" customFormat="1" ht="15" customHeight="1">
      <c r="B47" s="65"/>
      <c r="C47" s="40">
        <v>93177</v>
      </c>
      <c r="D47" s="66"/>
      <c r="E47" s="69"/>
      <c r="F47" s="69"/>
      <c r="G47" s="69"/>
      <c r="H47" s="69"/>
      <c r="I47" s="69" t="s">
        <v>44</v>
      </c>
      <c r="J47" s="69"/>
      <c r="K47" s="51"/>
      <c r="L47" s="51"/>
      <c r="M47" s="70"/>
      <c r="N47" s="19"/>
      <c r="O47" s="20"/>
    </row>
    <row r="48" spans="2:15" s="42" customFormat="1" ht="15" customHeight="1">
      <c r="B48" s="65"/>
      <c r="C48" s="40">
        <v>93110</v>
      </c>
      <c r="D48" s="71"/>
      <c r="E48" s="72"/>
      <c r="F48" s="72"/>
      <c r="G48" s="72"/>
      <c r="H48" s="72" t="s">
        <v>45</v>
      </c>
      <c r="I48" s="72"/>
      <c r="J48" s="72"/>
      <c r="K48" s="51"/>
      <c r="L48" s="51"/>
      <c r="M48" s="70"/>
      <c r="N48" s="19"/>
      <c r="O48" s="20"/>
    </row>
    <row r="49" spans="2:15" s="42" customFormat="1" ht="15" customHeight="1">
      <c r="B49" s="65"/>
      <c r="C49" s="40">
        <v>238637</v>
      </c>
      <c r="D49" s="66"/>
      <c r="E49" s="69"/>
      <c r="F49" s="69"/>
      <c r="G49" s="69"/>
      <c r="H49" s="69" t="s">
        <v>46</v>
      </c>
      <c r="I49" s="69"/>
      <c r="J49" s="69"/>
      <c r="K49" s="51"/>
      <c r="L49" s="51"/>
      <c r="M49" s="70"/>
      <c r="N49" s="19"/>
      <c r="O49" s="20"/>
    </row>
    <row r="50" spans="2:15" s="42" customFormat="1" ht="15" customHeight="1">
      <c r="B50" s="65"/>
      <c r="C50" s="40">
        <v>93547</v>
      </c>
      <c r="D50" s="71"/>
      <c r="E50" s="72"/>
      <c r="F50" s="72"/>
      <c r="G50" s="72" t="s">
        <v>47</v>
      </c>
      <c r="H50" s="68"/>
      <c r="I50" s="68"/>
      <c r="J50" s="72"/>
      <c r="K50" s="51"/>
      <c r="L50" s="51"/>
      <c r="M50" s="70"/>
      <c r="N50" s="19"/>
      <c r="O50" s="20"/>
    </row>
    <row r="51" spans="2:15" s="42" customFormat="1" ht="15" customHeight="1">
      <c r="B51" s="65"/>
      <c r="C51" s="40">
        <v>881</v>
      </c>
      <c r="D51" s="71"/>
      <c r="E51" s="72"/>
      <c r="F51" s="72"/>
      <c r="G51" s="72"/>
      <c r="H51" s="72" t="s">
        <v>48</v>
      </c>
      <c r="I51" s="68"/>
      <c r="J51" s="72"/>
      <c r="K51" s="51"/>
      <c r="L51" s="51"/>
      <c r="M51" s="70"/>
      <c r="N51" s="19"/>
      <c r="O51" s="20"/>
    </row>
    <row r="52" spans="2:15" s="42" customFormat="1" ht="15" customHeight="1">
      <c r="B52" s="65"/>
      <c r="C52" s="40">
        <v>99226</v>
      </c>
      <c r="D52" s="71"/>
      <c r="E52" s="72"/>
      <c r="F52" s="72"/>
      <c r="G52" s="72"/>
      <c r="H52" s="72"/>
      <c r="I52" s="72" t="s">
        <v>49</v>
      </c>
      <c r="J52" s="72"/>
      <c r="K52" s="51"/>
      <c r="L52" s="51"/>
      <c r="M52" s="70"/>
      <c r="N52" s="19"/>
      <c r="O52" s="20"/>
    </row>
    <row r="53" spans="2:15" s="42" customFormat="1" ht="15" customHeight="1">
      <c r="B53" s="65"/>
      <c r="C53" s="40">
        <v>99228</v>
      </c>
      <c r="D53" s="66"/>
      <c r="E53" s="69"/>
      <c r="F53" s="69"/>
      <c r="G53" s="69"/>
      <c r="H53" s="69"/>
      <c r="I53" s="69" t="s">
        <v>50</v>
      </c>
      <c r="J53" s="69"/>
      <c r="K53" s="51"/>
      <c r="L53" s="51"/>
      <c r="M53" s="70"/>
      <c r="N53" s="19"/>
      <c r="O53" s="20"/>
    </row>
    <row r="54" spans="2:15" s="42" customFormat="1" ht="15" customHeight="1">
      <c r="B54" s="65"/>
      <c r="C54" s="40">
        <v>99413</v>
      </c>
      <c r="D54" s="71"/>
      <c r="E54" s="72"/>
      <c r="F54" s="72"/>
      <c r="G54" s="72"/>
      <c r="H54" s="72"/>
      <c r="I54" s="72" t="s">
        <v>51</v>
      </c>
      <c r="J54" s="72"/>
      <c r="K54" s="51"/>
      <c r="L54" s="51"/>
      <c r="M54" s="70"/>
      <c r="N54" s="19"/>
      <c r="O54" s="20"/>
    </row>
    <row r="55" spans="2:15" s="42" customFormat="1" ht="15" customHeight="1">
      <c r="B55" s="65"/>
      <c r="C55" s="40">
        <v>138</v>
      </c>
      <c r="D55" s="66"/>
      <c r="E55" s="69"/>
      <c r="F55" s="69"/>
      <c r="G55" s="69"/>
      <c r="H55" s="69" t="s">
        <v>52</v>
      </c>
      <c r="I55" s="69"/>
      <c r="J55" s="69"/>
      <c r="K55" s="51"/>
      <c r="L55" s="51"/>
      <c r="M55" s="70"/>
      <c r="N55" s="19"/>
      <c r="O55" s="20"/>
    </row>
    <row r="56" spans="2:15" s="42" customFormat="1" ht="15" customHeight="1">
      <c r="B56" s="65"/>
      <c r="C56" s="40">
        <v>870</v>
      </c>
      <c r="D56" s="71"/>
      <c r="E56" s="72"/>
      <c r="F56" s="72"/>
      <c r="G56" s="72"/>
      <c r="H56" s="72" t="s">
        <v>53</v>
      </c>
      <c r="I56" s="72"/>
      <c r="J56" s="72"/>
      <c r="K56" s="51"/>
      <c r="L56" s="51"/>
      <c r="M56" s="70"/>
      <c r="N56" s="19"/>
      <c r="O56" s="20"/>
    </row>
    <row r="57" spans="2:15" s="42" customFormat="1" ht="15" customHeight="1">
      <c r="B57" s="65"/>
      <c r="C57" s="40">
        <v>567</v>
      </c>
      <c r="D57" s="66"/>
      <c r="E57" s="69"/>
      <c r="F57" s="69"/>
      <c r="G57" s="69"/>
      <c r="H57" s="69" t="s">
        <v>54</v>
      </c>
      <c r="I57" s="69"/>
      <c r="J57" s="69"/>
      <c r="K57" s="51"/>
      <c r="L57" s="51"/>
      <c r="M57" s="70"/>
      <c r="N57" s="19"/>
      <c r="O57" s="20"/>
    </row>
    <row r="58" spans="2:15" s="42" customFormat="1" ht="15" customHeight="1">
      <c r="B58" s="65"/>
      <c r="C58" s="40">
        <v>783</v>
      </c>
      <c r="D58" s="71"/>
      <c r="E58" s="72"/>
      <c r="F58" s="72"/>
      <c r="G58" s="72"/>
      <c r="H58" s="72" t="s">
        <v>55</v>
      </c>
      <c r="I58" s="72"/>
      <c r="J58" s="72"/>
      <c r="K58" s="51"/>
      <c r="L58" s="51"/>
      <c r="M58" s="70"/>
      <c r="N58" s="19"/>
      <c r="O58" s="20"/>
    </row>
    <row r="59" spans="2:15" s="42" customFormat="1" ht="15" customHeight="1">
      <c r="B59" s="65"/>
      <c r="C59" s="40">
        <v>648</v>
      </c>
      <c r="D59" s="66"/>
      <c r="E59" s="69"/>
      <c r="F59" s="69"/>
      <c r="G59" s="69"/>
      <c r="H59" s="69" t="s">
        <v>56</v>
      </c>
      <c r="I59" s="69"/>
      <c r="J59" s="69"/>
      <c r="K59" s="51"/>
      <c r="L59" s="51"/>
      <c r="M59" s="70"/>
      <c r="N59" s="19"/>
      <c r="O59" s="20"/>
    </row>
    <row r="60" spans="2:15" s="42" customFormat="1" ht="15" customHeight="1">
      <c r="B60" s="65"/>
      <c r="C60" s="40">
        <v>857</v>
      </c>
      <c r="D60" s="71"/>
      <c r="E60" s="72"/>
      <c r="F60" s="72"/>
      <c r="G60" s="72"/>
      <c r="H60" s="72" t="s">
        <v>57</v>
      </c>
      <c r="I60" s="72"/>
      <c r="J60" s="72"/>
      <c r="K60" s="51"/>
      <c r="L60" s="51"/>
      <c r="M60" s="70"/>
      <c r="N60" s="19"/>
      <c r="O60" s="20"/>
    </row>
    <row r="61" spans="2:15" s="42" customFormat="1" ht="15" customHeight="1">
      <c r="B61" s="65"/>
      <c r="C61" s="40">
        <v>893</v>
      </c>
      <c r="D61" s="66"/>
      <c r="E61" s="69"/>
      <c r="F61" s="69"/>
      <c r="G61" s="69"/>
      <c r="H61" s="69" t="s">
        <v>58</v>
      </c>
      <c r="I61" s="69"/>
      <c r="J61" s="69"/>
      <c r="K61" s="51"/>
      <c r="L61" s="51"/>
      <c r="M61" s="70"/>
      <c r="N61" s="19"/>
      <c r="O61" s="20"/>
    </row>
    <row r="62" spans="2:15" s="42" customFormat="1" ht="15" customHeight="1">
      <c r="B62" s="65"/>
      <c r="C62" s="40">
        <v>107</v>
      </c>
      <c r="D62" s="71"/>
      <c r="E62" s="72"/>
      <c r="F62" s="72"/>
      <c r="G62" s="72"/>
      <c r="H62" s="72" t="s">
        <v>59</v>
      </c>
      <c r="I62" s="72"/>
      <c r="J62" s="72"/>
      <c r="K62" s="51"/>
      <c r="L62" s="51"/>
      <c r="M62" s="70"/>
      <c r="N62" s="19"/>
      <c r="O62" s="20"/>
    </row>
    <row r="63" spans="2:15" s="42" customFormat="1" ht="15" customHeight="1">
      <c r="B63" s="65"/>
      <c r="C63" s="40">
        <v>195</v>
      </c>
      <c r="D63" s="66"/>
      <c r="E63" s="69"/>
      <c r="F63" s="69"/>
      <c r="G63" s="69"/>
      <c r="H63" s="69" t="s">
        <v>60</v>
      </c>
      <c r="I63" s="69"/>
      <c r="J63" s="69"/>
      <c r="K63" s="51"/>
      <c r="L63" s="51"/>
      <c r="M63" s="70"/>
      <c r="N63" s="19"/>
      <c r="O63" s="20"/>
    </row>
    <row r="64" spans="2:15" s="42" customFormat="1" ht="15" customHeight="1">
      <c r="B64" s="65"/>
      <c r="C64" s="40">
        <v>52</v>
      </c>
      <c r="D64" s="71"/>
      <c r="E64" s="72"/>
      <c r="F64" s="72"/>
      <c r="G64" s="72"/>
      <c r="H64" s="72" t="s">
        <v>61</v>
      </c>
      <c r="I64" s="68"/>
      <c r="J64" s="72"/>
      <c r="K64" s="51"/>
      <c r="L64" s="51"/>
      <c r="M64" s="70"/>
      <c r="N64" s="19"/>
      <c r="O64" s="20"/>
    </row>
    <row r="65" spans="2:15" s="42" customFormat="1" ht="15" customHeight="1">
      <c r="B65" s="65"/>
      <c r="C65" s="40">
        <v>261629</v>
      </c>
      <c r="D65" s="71"/>
      <c r="E65" s="72"/>
      <c r="F65" s="72"/>
      <c r="G65" s="72"/>
      <c r="H65" s="72"/>
      <c r="I65" s="72" t="s">
        <v>62</v>
      </c>
      <c r="J65" s="72"/>
      <c r="K65" s="51"/>
      <c r="L65" s="51"/>
      <c r="M65" s="70"/>
      <c r="N65" s="19"/>
      <c r="O65" s="20"/>
    </row>
    <row r="66" spans="2:15" s="42" customFormat="1" ht="15" customHeight="1">
      <c r="B66" s="65"/>
      <c r="C66" s="40">
        <v>261600</v>
      </c>
      <c r="D66" s="66"/>
      <c r="E66" s="69"/>
      <c r="F66" s="69"/>
      <c r="G66" s="69"/>
      <c r="H66" s="69"/>
      <c r="I66" s="69" t="s">
        <v>63</v>
      </c>
      <c r="J66" s="69"/>
      <c r="K66" s="51"/>
      <c r="L66" s="51"/>
      <c r="M66" s="70"/>
      <c r="N66" s="19"/>
      <c r="O66" s="20"/>
    </row>
    <row r="67" spans="2:15" s="42" customFormat="1" ht="15" customHeight="1">
      <c r="B67" s="65"/>
      <c r="C67" s="40">
        <v>261619</v>
      </c>
      <c r="D67" s="71"/>
      <c r="E67" s="72"/>
      <c r="F67" s="72"/>
      <c r="G67" s="72"/>
      <c r="H67" s="72"/>
      <c r="I67" s="72" t="s">
        <v>64</v>
      </c>
      <c r="J67" s="72"/>
      <c r="K67" s="51"/>
      <c r="L67" s="51"/>
      <c r="M67" s="70"/>
      <c r="N67" s="19"/>
      <c r="O67" s="20"/>
    </row>
    <row r="68" spans="2:15" s="42" customFormat="1" ht="15" customHeight="1">
      <c r="B68" s="65"/>
      <c r="C68" s="40">
        <v>116</v>
      </c>
      <c r="D68" s="66"/>
      <c r="E68" s="69"/>
      <c r="F68" s="69"/>
      <c r="G68" s="69"/>
      <c r="H68" s="69" t="s">
        <v>65</v>
      </c>
      <c r="I68" s="68"/>
      <c r="J68" s="69"/>
      <c r="K68" s="51"/>
      <c r="L68" s="51"/>
      <c r="M68" s="70"/>
      <c r="N68" s="19"/>
      <c r="O68" s="20"/>
    </row>
    <row r="69" spans="2:15" s="42" customFormat="1" ht="15" customHeight="1">
      <c r="B69" s="65"/>
      <c r="C69" s="40">
        <v>96076</v>
      </c>
      <c r="D69" s="66"/>
      <c r="E69" s="69"/>
      <c r="F69" s="69"/>
      <c r="G69" s="69"/>
      <c r="H69" s="69"/>
      <c r="I69" s="69" t="s">
        <v>66</v>
      </c>
      <c r="J69" s="69"/>
      <c r="K69" s="51"/>
      <c r="L69" s="51"/>
      <c r="M69" s="70"/>
      <c r="N69" s="19"/>
      <c r="O69" s="20"/>
    </row>
    <row r="70" spans="2:15" s="42" customFormat="1" ht="15" customHeight="1">
      <c r="B70" s="65"/>
      <c r="C70" s="40">
        <v>96193</v>
      </c>
      <c r="D70" s="71"/>
      <c r="E70" s="72"/>
      <c r="F70" s="72"/>
      <c r="G70" s="72"/>
      <c r="H70" s="72"/>
      <c r="I70" s="72" t="s">
        <v>67</v>
      </c>
      <c r="J70" s="72"/>
      <c r="K70" s="51"/>
      <c r="L70" s="51"/>
      <c r="M70" s="70"/>
      <c r="N70" s="19"/>
      <c r="O70" s="20"/>
    </row>
    <row r="71" spans="2:15" s="42" customFormat="1" ht="15" customHeight="1">
      <c r="B71" s="65"/>
      <c r="C71" s="40">
        <v>231117</v>
      </c>
      <c r="D71" s="66"/>
      <c r="E71" s="69"/>
      <c r="F71" s="69"/>
      <c r="G71" s="69"/>
      <c r="H71" s="69"/>
      <c r="I71" s="69" t="s">
        <v>68</v>
      </c>
      <c r="J71" s="69"/>
      <c r="K71" s="51"/>
      <c r="L71" s="51"/>
      <c r="M71" s="70"/>
      <c r="N71" s="19"/>
      <c r="O71" s="20"/>
    </row>
    <row r="72" spans="2:15" s="42" customFormat="1" ht="15" customHeight="1">
      <c r="B72" s="65"/>
      <c r="C72" s="40">
        <v>231120</v>
      </c>
      <c r="D72" s="71"/>
      <c r="E72" s="72"/>
      <c r="F72" s="72"/>
      <c r="G72" s="72"/>
      <c r="H72" s="72"/>
      <c r="I72" s="72" t="s">
        <v>69</v>
      </c>
      <c r="J72" s="72"/>
      <c r="K72" s="51"/>
      <c r="L72" s="51"/>
      <c r="M72" s="70"/>
      <c r="N72" s="19"/>
      <c r="O72" s="20"/>
    </row>
    <row r="73" spans="2:15" s="42" customFormat="1" ht="15" customHeight="1">
      <c r="B73" s="65"/>
      <c r="C73" s="40">
        <v>231127</v>
      </c>
      <c r="D73" s="66"/>
      <c r="E73" s="69"/>
      <c r="F73" s="69"/>
      <c r="G73" s="69"/>
      <c r="H73" s="69"/>
      <c r="I73" s="69" t="s">
        <v>70</v>
      </c>
      <c r="J73" s="69"/>
      <c r="K73" s="51"/>
      <c r="L73" s="51"/>
      <c r="M73" s="70"/>
      <c r="N73" s="19"/>
      <c r="O73" s="20"/>
    </row>
    <row r="74" spans="2:15" s="42" customFormat="1" ht="15" customHeight="1">
      <c r="B74" s="65"/>
      <c r="C74" s="40">
        <v>231130</v>
      </c>
      <c r="D74" s="71"/>
      <c r="E74" s="72"/>
      <c r="F74" s="72"/>
      <c r="G74" s="72"/>
      <c r="H74" s="72"/>
      <c r="I74" s="72" t="s">
        <v>71</v>
      </c>
      <c r="J74" s="72"/>
      <c r="K74" s="51"/>
      <c r="L74" s="51"/>
      <c r="M74" s="70"/>
      <c r="N74" s="19"/>
      <c r="O74" s="20"/>
    </row>
    <row r="75" spans="2:15" s="42" customFormat="1" ht="15" customHeight="1">
      <c r="B75" s="65"/>
      <c r="C75" s="40">
        <v>238613</v>
      </c>
      <c r="D75" s="66"/>
      <c r="E75" s="69"/>
      <c r="F75" s="69"/>
      <c r="G75" s="69"/>
      <c r="H75" s="69"/>
      <c r="I75" s="69" t="s">
        <v>72</v>
      </c>
      <c r="J75" s="69"/>
      <c r="K75" s="51"/>
      <c r="L75" s="51"/>
      <c r="M75" s="70"/>
      <c r="N75" s="19"/>
      <c r="O75" s="20"/>
    </row>
    <row r="76" spans="2:15" s="42" customFormat="1" ht="15" customHeight="1">
      <c r="B76" s="65"/>
      <c r="C76" s="40">
        <v>564</v>
      </c>
      <c r="D76" s="71"/>
      <c r="E76" s="72"/>
      <c r="F76" s="72"/>
      <c r="G76" s="72"/>
      <c r="H76" s="72" t="s">
        <v>73</v>
      </c>
      <c r="I76" s="72"/>
      <c r="J76" s="72"/>
      <c r="K76" s="51"/>
      <c r="L76" s="51"/>
      <c r="M76" s="70"/>
      <c r="N76" s="19"/>
      <c r="O76" s="20"/>
    </row>
    <row r="77" spans="2:15" s="42" customFormat="1" ht="15" customHeight="1">
      <c r="B77" s="65"/>
      <c r="C77" s="40">
        <v>474</v>
      </c>
      <c r="D77" s="66"/>
      <c r="E77" s="69"/>
      <c r="F77" s="69"/>
      <c r="G77" s="69"/>
      <c r="H77" s="69" t="s">
        <v>74</v>
      </c>
      <c r="I77" s="69"/>
      <c r="J77" s="69"/>
      <c r="K77" s="51"/>
      <c r="L77" s="51"/>
      <c r="M77" s="70"/>
      <c r="N77" s="19"/>
      <c r="O77" s="20"/>
    </row>
    <row r="78" spans="2:15" s="42" customFormat="1" ht="15" customHeight="1">
      <c r="B78" s="65"/>
      <c r="C78" s="40">
        <v>3378</v>
      </c>
      <c r="D78" s="71"/>
      <c r="E78" s="72"/>
      <c r="F78" s="72"/>
      <c r="G78" s="72"/>
      <c r="H78" s="72" t="s">
        <v>75</v>
      </c>
      <c r="I78" s="72"/>
      <c r="J78" s="72"/>
      <c r="K78" s="51"/>
      <c r="L78" s="51"/>
      <c r="M78" s="70"/>
      <c r="N78" s="19"/>
      <c r="O78" s="20"/>
    </row>
    <row r="79" spans="2:15" s="42" customFormat="1" ht="15" customHeight="1">
      <c r="B79" s="65"/>
      <c r="C79" s="40">
        <v>3380</v>
      </c>
      <c r="D79" s="66"/>
      <c r="E79" s="69"/>
      <c r="F79" s="69"/>
      <c r="G79" s="69"/>
      <c r="H79" s="69" t="s">
        <v>76</v>
      </c>
      <c r="I79" s="69"/>
      <c r="J79" s="69"/>
      <c r="K79" s="51"/>
      <c r="L79" s="51"/>
      <c r="M79" s="70"/>
      <c r="N79" s="19"/>
      <c r="O79" s="20"/>
    </row>
    <row r="80" spans="2:15" s="42" customFormat="1" ht="15" customHeight="1">
      <c r="B80" s="73"/>
      <c r="C80" s="40">
        <v>887</v>
      </c>
      <c r="D80" s="71"/>
      <c r="E80" s="72"/>
      <c r="F80" s="72"/>
      <c r="G80" s="72"/>
      <c r="H80" s="72" t="s">
        <v>77</v>
      </c>
      <c r="I80" s="72"/>
      <c r="J80" s="72"/>
      <c r="K80" s="51"/>
      <c r="L80" s="51"/>
      <c r="M80" s="70"/>
      <c r="N80" s="19"/>
      <c r="O80" s="20"/>
    </row>
    <row r="81" spans="2:15" s="42" customFormat="1" ht="15" customHeight="1">
      <c r="B81" s="65"/>
      <c r="C81" s="40">
        <v>373</v>
      </c>
      <c r="D81" s="66"/>
      <c r="E81" s="69"/>
      <c r="F81" s="69"/>
      <c r="G81" s="69"/>
      <c r="H81" s="69" t="s">
        <v>78</v>
      </c>
      <c r="I81" s="69"/>
      <c r="J81" s="69"/>
      <c r="K81" s="51"/>
      <c r="L81" s="51"/>
      <c r="M81" s="70"/>
      <c r="N81" s="19"/>
      <c r="O81" s="20"/>
    </row>
    <row r="82" spans="2:15" s="42" customFormat="1" ht="15" customHeight="1">
      <c r="B82" s="65"/>
      <c r="C82" s="40">
        <v>3027</v>
      </c>
      <c r="D82" s="71"/>
      <c r="E82" s="72"/>
      <c r="F82" s="72"/>
      <c r="G82" s="72"/>
      <c r="H82" s="72" t="s">
        <v>79</v>
      </c>
      <c r="I82" s="72"/>
      <c r="J82" s="72"/>
      <c r="K82" s="51"/>
      <c r="L82" s="51"/>
      <c r="M82" s="70"/>
      <c r="N82" s="19"/>
      <c r="O82" s="20"/>
    </row>
    <row r="83" spans="2:15" s="42" customFormat="1" ht="15" customHeight="1">
      <c r="B83" s="65"/>
      <c r="C83" s="40">
        <v>2052</v>
      </c>
      <c r="D83" s="66"/>
      <c r="E83" s="69"/>
      <c r="F83" s="69"/>
      <c r="G83" s="69"/>
      <c r="H83" s="69" t="s">
        <v>80</v>
      </c>
      <c r="I83" s="69"/>
      <c r="J83" s="69"/>
      <c r="K83" s="51"/>
      <c r="L83" s="51"/>
      <c r="M83" s="70"/>
      <c r="N83" s="19"/>
      <c r="O83" s="20"/>
    </row>
    <row r="84" spans="2:15" s="42" customFormat="1" ht="15" customHeight="1">
      <c r="B84" s="73"/>
      <c r="C84" s="40">
        <v>955</v>
      </c>
      <c r="D84" s="71"/>
      <c r="E84" s="72"/>
      <c r="F84" s="72"/>
      <c r="G84" s="72"/>
      <c r="H84" s="72" t="s">
        <v>81</v>
      </c>
      <c r="I84" s="72"/>
      <c r="J84" s="72"/>
      <c r="K84" s="51"/>
      <c r="L84" s="51"/>
      <c r="M84" s="70"/>
      <c r="N84" s="19"/>
      <c r="O84" s="20"/>
    </row>
    <row r="85" spans="2:15" s="42" customFormat="1" ht="15" customHeight="1">
      <c r="B85" s="65"/>
      <c r="C85" s="40">
        <v>956</v>
      </c>
      <c r="D85" s="66"/>
      <c r="E85" s="69"/>
      <c r="F85" s="69"/>
      <c r="G85" s="69"/>
      <c r="H85" s="69" t="s">
        <v>82</v>
      </c>
      <c r="I85" s="69"/>
      <c r="J85" s="69"/>
      <c r="K85" s="51"/>
      <c r="L85" s="51"/>
      <c r="M85" s="70"/>
      <c r="N85" s="19"/>
      <c r="O85" s="20"/>
    </row>
    <row r="86" spans="2:15" s="42" customFormat="1" ht="15" customHeight="1">
      <c r="B86" s="65"/>
      <c r="C86" s="40">
        <v>971</v>
      </c>
      <c r="D86" s="71"/>
      <c r="E86" s="72"/>
      <c r="F86" s="72"/>
      <c r="G86" s="72"/>
      <c r="H86" s="72" t="s">
        <v>83</v>
      </c>
      <c r="I86" s="72"/>
      <c r="J86" s="72"/>
      <c r="K86" s="51"/>
      <c r="L86" s="51"/>
      <c r="M86" s="70"/>
      <c r="N86" s="19"/>
      <c r="O86" s="20"/>
    </row>
    <row r="87" spans="2:15" s="42" customFormat="1" ht="15" customHeight="1">
      <c r="B87" s="73"/>
      <c r="C87" s="40">
        <v>1064</v>
      </c>
      <c r="D87" s="66"/>
      <c r="E87" s="69"/>
      <c r="F87" s="69"/>
      <c r="G87" s="69"/>
      <c r="H87" s="69" t="s">
        <v>84</v>
      </c>
      <c r="I87" s="69"/>
      <c r="J87" s="69"/>
      <c r="K87" s="51"/>
      <c r="L87" s="51"/>
      <c r="M87" s="70"/>
      <c r="N87" s="19"/>
      <c r="O87" s="20"/>
    </row>
    <row r="88" spans="2:15" s="42" customFormat="1" ht="15" customHeight="1">
      <c r="B88" s="65"/>
      <c r="C88" s="40">
        <v>1092</v>
      </c>
      <c r="D88" s="71"/>
      <c r="E88" s="72"/>
      <c r="F88" s="72"/>
      <c r="G88" s="72"/>
      <c r="H88" s="72" t="s">
        <v>85</v>
      </c>
      <c r="I88" s="72"/>
      <c r="J88" s="72"/>
      <c r="K88" s="51"/>
      <c r="L88" s="51"/>
      <c r="M88" s="70"/>
      <c r="N88" s="19"/>
      <c r="O88" s="20"/>
    </row>
    <row r="89" spans="2:15" s="42" customFormat="1" ht="15" customHeight="1">
      <c r="B89" s="65"/>
      <c r="C89" s="40">
        <v>1133</v>
      </c>
      <c r="D89" s="66"/>
      <c r="E89" s="69"/>
      <c r="F89" s="69"/>
      <c r="G89" s="69"/>
      <c r="H89" s="69" t="s">
        <v>86</v>
      </c>
      <c r="I89" s="69"/>
      <c r="J89" s="69"/>
      <c r="K89" s="51"/>
      <c r="L89" s="51"/>
      <c r="M89" s="70"/>
      <c r="N89" s="19"/>
      <c r="O89" s="20"/>
    </row>
    <row r="90" spans="2:15" s="42" customFormat="1" ht="15" customHeight="1">
      <c r="B90" s="65"/>
      <c r="C90" s="40">
        <v>1380</v>
      </c>
      <c r="D90" s="71"/>
      <c r="E90" s="72"/>
      <c r="F90" s="72"/>
      <c r="G90" s="72"/>
      <c r="H90" s="72" t="s">
        <v>87</v>
      </c>
      <c r="I90" s="72"/>
      <c r="J90" s="72"/>
      <c r="K90" s="51"/>
      <c r="L90" s="51"/>
      <c r="M90" s="70"/>
      <c r="N90" s="19"/>
      <c r="O90" s="20"/>
    </row>
    <row r="91" spans="2:15" s="42" customFormat="1" ht="15" customHeight="1">
      <c r="B91" s="65"/>
      <c r="C91" s="40">
        <v>1396</v>
      </c>
      <c r="D91" s="66"/>
      <c r="E91" s="69"/>
      <c r="F91" s="69"/>
      <c r="G91" s="69"/>
      <c r="H91" s="69" t="s">
        <v>88</v>
      </c>
      <c r="I91" s="69"/>
      <c r="J91" s="69"/>
      <c r="K91" s="51"/>
      <c r="L91" s="51"/>
      <c r="M91" s="70"/>
      <c r="N91" s="19"/>
      <c r="O91" s="20"/>
    </row>
    <row r="92" spans="2:15" s="42" customFormat="1" ht="15" customHeight="1">
      <c r="B92" s="65"/>
      <c r="C92" s="40">
        <v>1515</v>
      </c>
      <c r="D92" s="71"/>
      <c r="E92" s="72"/>
      <c r="F92" s="72"/>
      <c r="G92" s="72"/>
      <c r="H92" s="72" t="s">
        <v>89</v>
      </c>
      <c r="I92" s="72"/>
      <c r="J92" s="72"/>
      <c r="K92" s="51"/>
      <c r="L92" s="51"/>
      <c r="M92" s="70"/>
      <c r="N92" s="19"/>
      <c r="O92" s="20"/>
    </row>
    <row r="93" spans="2:15" s="42" customFormat="1" ht="15" customHeight="1">
      <c r="B93" s="65"/>
      <c r="C93" s="40">
        <v>1526</v>
      </c>
      <c r="D93" s="66"/>
      <c r="E93" s="69"/>
      <c r="F93" s="69"/>
      <c r="G93" s="69"/>
      <c r="H93" s="69" t="s">
        <v>90</v>
      </c>
      <c r="I93" s="69"/>
      <c r="J93" s="69"/>
      <c r="K93" s="51"/>
      <c r="L93" s="51"/>
      <c r="M93" s="70"/>
      <c r="N93" s="19"/>
      <c r="O93" s="20"/>
    </row>
    <row r="94" spans="2:15" s="42" customFormat="1" ht="15" customHeight="1">
      <c r="B94" s="65"/>
      <c r="C94" s="40">
        <v>1765</v>
      </c>
      <c r="D94" s="71"/>
      <c r="E94" s="72"/>
      <c r="F94" s="72"/>
      <c r="G94" s="72"/>
      <c r="H94" s="72" t="s">
        <v>91</v>
      </c>
      <c r="I94" s="72"/>
      <c r="J94" s="72"/>
      <c r="K94" s="51"/>
      <c r="L94" s="51"/>
      <c r="M94" s="70"/>
      <c r="N94" s="19"/>
      <c r="O94" s="20"/>
    </row>
    <row r="95" spans="2:15" s="42" customFormat="1" ht="15" customHeight="1">
      <c r="B95" s="65"/>
      <c r="C95" s="40">
        <v>1834</v>
      </c>
      <c r="D95" s="66"/>
      <c r="E95" s="69"/>
      <c r="F95" s="69"/>
      <c r="G95" s="69"/>
      <c r="H95" s="69" t="s">
        <v>92</v>
      </c>
      <c r="I95" s="69"/>
      <c r="J95" s="69"/>
      <c r="K95" s="51"/>
      <c r="L95" s="51"/>
      <c r="M95" s="70"/>
      <c r="N95" s="19"/>
      <c r="O95" s="20"/>
    </row>
    <row r="96" spans="2:15" s="42" customFormat="1" ht="15" customHeight="1">
      <c r="B96" s="65"/>
      <c r="C96" s="40">
        <v>1850</v>
      </c>
      <c r="D96" s="71"/>
      <c r="E96" s="72"/>
      <c r="F96" s="72"/>
      <c r="G96" s="72"/>
      <c r="H96" s="72" t="s">
        <v>93</v>
      </c>
      <c r="I96" s="72"/>
      <c r="J96" s="72"/>
      <c r="K96" s="51"/>
      <c r="L96" s="51"/>
      <c r="M96" s="70"/>
      <c r="N96" s="19"/>
      <c r="O96" s="20"/>
    </row>
    <row r="97" spans="2:15" s="42" customFormat="1" ht="15" customHeight="1">
      <c r="B97" s="65"/>
      <c r="C97" s="40">
        <v>1896</v>
      </c>
      <c r="D97" s="66"/>
      <c r="E97" s="69"/>
      <c r="F97" s="69"/>
      <c r="G97" s="69"/>
      <c r="H97" s="69" t="s">
        <v>94</v>
      </c>
      <c r="I97" s="69"/>
      <c r="J97" s="69"/>
      <c r="K97" s="51"/>
      <c r="L97" s="51"/>
      <c r="M97" s="70"/>
      <c r="N97" s="19"/>
      <c r="O97" s="20"/>
    </row>
    <row r="98" spans="2:15" s="42" customFormat="1" ht="15" customHeight="1">
      <c r="B98" s="73"/>
      <c r="C98" s="40">
        <v>1973</v>
      </c>
      <c r="D98" s="71"/>
      <c r="E98" s="72"/>
      <c r="F98" s="72"/>
      <c r="G98" s="72"/>
      <c r="H98" s="72" t="s">
        <v>95</v>
      </c>
      <c r="I98" s="72"/>
      <c r="J98" s="72"/>
      <c r="K98" s="51"/>
      <c r="L98" s="51"/>
      <c r="M98" s="70"/>
      <c r="N98" s="19"/>
      <c r="O98" s="20"/>
    </row>
    <row r="99" spans="2:15" s="42" customFormat="1" ht="15" customHeight="1">
      <c r="B99" s="65"/>
      <c r="C99" s="40">
        <v>2186</v>
      </c>
      <c r="D99" s="66"/>
      <c r="E99" s="69"/>
      <c r="F99" s="69"/>
      <c r="G99" s="69"/>
      <c r="H99" s="69" t="s">
        <v>96</v>
      </c>
      <c r="I99" s="69"/>
      <c r="J99" s="69"/>
      <c r="K99" s="51"/>
      <c r="L99" s="51"/>
      <c r="M99" s="70"/>
      <c r="N99" s="19"/>
      <c r="O99" s="20"/>
    </row>
    <row r="100" spans="2:15" s="42" customFormat="1" ht="15" customHeight="1">
      <c r="B100" s="65"/>
      <c r="C100" s="40">
        <v>2237</v>
      </c>
      <c r="D100" s="71"/>
      <c r="E100" s="72"/>
      <c r="F100" s="72"/>
      <c r="G100" s="72"/>
      <c r="H100" s="72" t="s">
        <v>97</v>
      </c>
      <c r="I100" s="72"/>
      <c r="J100" s="72"/>
      <c r="K100" s="51"/>
      <c r="L100" s="51"/>
      <c r="M100" s="70"/>
      <c r="N100" s="19"/>
      <c r="O100" s="20"/>
    </row>
    <row r="101" spans="2:15" s="42" customFormat="1" ht="15" customHeight="1">
      <c r="B101" s="65"/>
      <c r="C101" s="40">
        <v>2241</v>
      </c>
      <c r="D101" s="66"/>
      <c r="E101" s="69"/>
      <c r="F101" s="69"/>
      <c r="G101" s="69"/>
      <c r="H101" s="69" t="s">
        <v>98</v>
      </c>
      <c r="I101" s="69"/>
      <c r="J101" s="69"/>
      <c r="K101" s="51"/>
      <c r="L101" s="51"/>
      <c r="M101" s="70"/>
      <c r="N101" s="19"/>
      <c r="O101" s="20"/>
    </row>
    <row r="102" spans="2:15" s="42" customFormat="1" ht="15" customHeight="1">
      <c r="B102" s="65"/>
      <c r="C102" s="40">
        <v>2256</v>
      </c>
      <c r="D102" s="71"/>
      <c r="E102" s="72"/>
      <c r="F102" s="72"/>
      <c r="G102" s="72"/>
      <c r="H102" s="72" t="s">
        <v>99</v>
      </c>
      <c r="I102" s="72"/>
      <c r="J102" s="72"/>
      <c r="K102" s="51"/>
      <c r="L102" s="51"/>
      <c r="M102" s="70"/>
      <c r="N102" s="19"/>
      <c r="O102" s="20"/>
    </row>
    <row r="103" spans="2:15" s="42" customFormat="1" ht="15" customHeight="1">
      <c r="B103" s="73"/>
      <c r="C103" s="40">
        <v>672</v>
      </c>
      <c r="D103" s="66"/>
      <c r="E103" s="69"/>
      <c r="F103" s="69"/>
      <c r="G103" s="69"/>
      <c r="H103" s="69" t="s">
        <v>100</v>
      </c>
      <c r="I103" s="69"/>
      <c r="J103" s="69"/>
      <c r="K103" s="51"/>
      <c r="L103" s="51"/>
      <c r="M103" s="70"/>
      <c r="N103" s="19"/>
      <c r="O103" s="20"/>
    </row>
    <row r="104" spans="2:15" s="42" customFormat="1" ht="15" customHeight="1">
      <c r="B104" s="65"/>
      <c r="C104" s="40">
        <v>2278</v>
      </c>
      <c r="D104" s="71"/>
      <c r="E104" s="72"/>
      <c r="F104" s="72"/>
      <c r="G104" s="72"/>
      <c r="H104" s="72" t="s">
        <v>101</v>
      </c>
      <c r="I104" s="72"/>
      <c r="J104" s="72"/>
      <c r="K104" s="51"/>
      <c r="L104" s="51"/>
      <c r="M104" s="70"/>
      <c r="N104" s="19"/>
      <c r="O104" s="20"/>
    </row>
    <row r="105" spans="2:15" s="42" customFormat="1" ht="15" customHeight="1">
      <c r="B105" s="65"/>
      <c r="C105" s="40">
        <v>2669</v>
      </c>
      <c r="D105" s="66"/>
      <c r="E105" s="69"/>
      <c r="F105" s="69"/>
      <c r="G105" s="69"/>
      <c r="H105" s="69" t="s">
        <v>102</v>
      </c>
      <c r="I105" s="69"/>
      <c r="J105" s="69"/>
      <c r="K105" s="51"/>
      <c r="L105" s="51"/>
      <c r="M105" s="70"/>
      <c r="N105" s="19"/>
      <c r="O105" s="20"/>
    </row>
    <row r="106" spans="2:15" s="42" customFormat="1" ht="15" customHeight="1">
      <c r="B106" s="65"/>
      <c r="C106" s="40">
        <v>1475</v>
      </c>
      <c r="D106" s="71"/>
      <c r="E106" s="72"/>
      <c r="F106" s="72"/>
      <c r="G106" s="72"/>
      <c r="H106" s="72" t="s">
        <v>103</v>
      </c>
      <c r="I106" s="72"/>
      <c r="J106" s="72"/>
      <c r="K106" s="51"/>
      <c r="L106" s="51"/>
      <c r="M106" s="70"/>
      <c r="N106" s="19"/>
      <c r="O106" s="20"/>
    </row>
    <row r="107" spans="2:15" s="42" customFormat="1" ht="15" customHeight="1">
      <c r="B107" s="65"/>
      <c r="C107" s="40">
        <v>2673</v>
      </c>
      <c r="D107" s="66"/>
      <c r="E107" s="69"/>
      <c r="F107" s="69"/>
      <c r="G107" s="69"/>
      <c r="H107" s="69" t="s">
        <v>104</v>
      </c>
      <c r="I107" s="69"/>
      <c r="J107" s="69"/>
      <c r="K107" s="51"/>
      <c r="L107" s="51"/>
      <c r="M107" s="70"/>
      <c r="N107" s="19"/>
      <c r="O107" s="20"/>
    </row>
    <row r="108" spans="2:15" s="42" customFormat="1" ht="15" customHeight="1">
      <c r="B108" s="65"/>
      <c r="C108" s="40">
        <v>2697</v>
      </c>
      <c r="D108" s="71"/>
      <c r="E108" s="72"/>
      <c r="F108" s="72"/>
      <c r="G108" s="72"/>
      <c r="H108" s="72" t="s">
        <v>105</v>
      </c>
      <c r="I108" s="72"/>
      <c r="J108" s="72"/>
      <c r="K108" s="51"/>
      <c r="L108" s="51"/>
      <c r="M108" s="70"/>
      <c r="N108" s="19"/>
      <c r="O108" s="20"/>
    </row>
    <row r="109" spans="2:15" s="42" customFormat="1" ht="15" customHeight="1">
      <c r="B109" s="65"/>
      <c r="C109" s="40">
        <v>2704</v>
      </c>
      <c r="D109" s="66"/>
      <c r="E109" s="69"/>
      <c r="F109" s="69"/>
      <c r="G109" s="69"/>
      <c r="H109" s="69" t="s">
        <v>106</v>
      </c>
      <c r="I109" s="69"/>
      <c r="J109" s="69"/>
      <c r="K109" s="51"/>
      <c r="L109" s="51"/>
      <c r="M109" s="70"/>
      <c r="N109" s="19"/>
      <c r="O109" s="20"/>
    </row>
    <row r="110" spans="2:15" s="42" customFormat="1" ht="15" customHeight="1">
      <c r="B110" s="65"/>
      <c r="C110" s="40">
        <v>2716</v>
      </c>
      <c r="D110" s="71"/>
      <c r="E110" s="72"/>
      <c r="F110" s="72"/>
      <c r="G110" s="72"/>
      <c r="H110" s="72" t="s">
        <v>107</v>
      </c>
      <c r="I110" s="72"/>
      <c r="J110" s="72"/>
      <c r="K110" s="51"/>
      <c r="L110" s="51"/>
      <c r="M110" s="70"/>
      <c r="N110" s="19"/>
      <c r="O110" s="20"/>
    </row>
    <row r="111" spans="2:15" s="42" customFormat="1" ht="15" customHeight="1">
      <c r="B111" s="65"/>
      <c r="C111" s="40">
        <v>2750</v>
      </c>
      <c r="D111" s="66"/>
      <c r="E111" s="69"/>
      <c r="F111" s="69"/>
      <c r="G111" s="69"/>
      <c r="H111" s="69" t="s">
        <v>108</v>
      </c>
      <c r="I111" s="69"/>
      <c r="J111" s="69"/>
      <c r="K111" s="51"/>
      <c r="L111" s="51"/>
      <c r="M111" s="70"/>
      <c r="N111" s="19"/>
      <c r="O111" s="20"/>
    </row>
    <row r="112" spans="2:15" s="42" customFormat="1" ht="15" customHeight="1">
      <c r="B112" s="65"/>
      <c r="C112" s="40">
        <v>2774</v>
      </c>
      <c r="D112" s="71"/>
      <c r="E112" s="72"/>
      <c r="F112" s="72"/>
      <c r="G112" s="72"/>
      <c r="H112" s="72" t="s">
        <v>109</v>
      </c>
      <c r="I112" s="72"/>
      <c r="J112" s="72"/>
      <c r="K112" s="51"/>
      <c r="L112" s="51"/>
      <c r="M112" s="70"/>
      <c r="N112" s="19"/>
      <c r="O112" s="20"/>
    </row>
    <row r="113" spans="2:15" s="42" customFormat="1" ht="15" customHeight="1">
      <c r="B113" s="65"/>
      <c r="C113" s="40">
        <v>2820</v>
      </c>
      <c r="D113" s="66"/>
      <c r="E113" s="69"/>
      <c r="F113" s="69"/>
      <c r="G113" s="69"/>
      <c r="H113" s="69" t="s">
        <v>110</v>
      </c>
      <c r="I113" s="69"/>
      <c r="J113" s="69"/>
      <c r="K113" s="51"/>
      <c r="L113" s="51"/>
      <c r="M113" s="70"/>
      <c r="N113" s="19"/>
      <c r="O113" s="20"/>
    </row>
    <row r="114" spans="2:15" s="42" customFormat="1" ht="15" customHeight="1">
      <c r="B114" s="65"/>
      <c r="C114" s="40">
        <v>3032</v>
      </c>
      <c r="D114" s="71"/>
      <c r="E114" s="72"/>
      <c r="F114" s="72"/>
      <c r="G114" s="72"/>
      <c r="H114" s="72" t="s">
        <v>111</v>
      </c>
      <c r="I114" s="72"/>
      <c r="J114" s="72"/>
      <c r="K114" s="51"/>
      <c r="L114" s="51"/>
      <c r="M114" s="70"/>
      <c r="N114" s="19"/>
      <c r="O114" s="20"/>
    </row>
    <row r="115" spans="2:15" s="42" customFormat="1" ht="15" customHeight="1">
      <c r="B115" s="65"/>
      <c r="C115" s="40">
        <v>3109</v>
      </c>
      <c r="D115" s="66"/>
      <c r="E115" s="69"/>
      <c r="F115" s="69"/>
      <c r="G115" s="69"/>
      <c r="H115" s="69" t="s">
        <v>112</v>
      </c>
      <c r="I115" s="68"/>
      <c r="J115" s="69"/>
      <c r="K115" s="51"/>
      <c r="L115" s="51"/>
      <c r="M115" s="70"/>
      <c r="N115" s="19"/>
      <c r="O115" s="20"/>
    </row>
    <row r="116" spans="2:15" s="42" customFormat="1" ht="15" customHeight="1">
      <c r="B116" s="65"/>
      <c r="C116" s="40">
        <v>2578</v>
      </c>
      <c r="D116" s="66"/>
      <c r="E116" s="69"/>
      <c r="F116" s="69"/>
      <c r="G116" s="69"/>
      <c r="H116" s="69"/>
      <c r="I116" s="69" t="s">
        <v>113</v>
      </c>
      <c r="J116" s="69"/>
      <c r="K116" s="51"/>
      <c r="L116" s="51"/>
      <c r="M116" s="70"/>
      <c r="N116" s="19"/>
      <c r="O116" s="20"/>
    </row>
    <row r="117" spans="2:15" s="42" customFormat="1" ht="15" customHeight="1">
      <c r="B117" s="65"/>
      <c r="C117" s="40">
        <v>247768</v>
      </c>
      <c r="D117" s="71"/>
      <c r="E117" s="72"/>
      <c r="F117" s="72"/>
      <c r="G117" s="72"/>
      <c r="H117" s="72"/>
      <c r="I117" s="72" t="s">
        <v>114</v>
      </c>
      <c r="J117" s="72"/>
      <c r="K117" s="51"/>
      <c r="L117" s="51"/>
      <c r="M117" s="70"/>
      <c r="N117" s="19"/>
      <c r="O117" s="20"/>
    </row>
    <row r="118" spans="2:15" s="42" customFormat="1" ht="15" customHeight="1">
      <c r="B118" s="65"/>
      <c r="C118" s="40">
        <v>247775</v>
      </c>
      <c r="D118" s="66"/>
      <c r="E118" s="69"/>
      <c r="F118" s="69"/>
      <c r="G118" s="69"/>
      <c r="H118" s="69"/>
      <c r="I118" s="69" t="s">
        <v>115</v>
      </c>
      <c r="J118" s="69"/>
      <c r="K118" s="51"/>
      <c r="L118" s="51"/>
      <c r="M118" s="70"/>
      <c r="N118" s="19"/>
      <c r="O118" s="20"/>
    </row>
    <row r="119" spans="2:15" s="42" customFormat="1" ht="15" customHeight="1">
      <c r="B119" s="65"/>
      <c r="C119" s="40">
        <v>798</v>
      </c>
      <c r="D119" s="71"/>
      <c r="E119" s="72"/>
      <c r="F119" s="72"/>
      <c r="G119" s="72"/>
      <c r="H119" s="72" t="s">
        <v>116</v>
      </c>
      <c r="I119" s="72"/>
      <c r="J119" s="72"/>
      <c r="K119" s="51"/>
      <c r="L119" s="51"/>
      <c r="M119" s="70"/>
      <c r="N119" s="19"/>
      <c r="O119" s="20"/>
    </row>
    <row r="120" spans="2:15" s="42" customFormat="1" ht="15" customHeight="1">
      <c r="B120" s="65"/>
      <c r="C120" s="40">
        <v>3186</v>
      </c>
      <c r="D120" s="66"/>
      <c r="E120" s="69"/>
      <c r="F120" s="69"/>
      <c r="G120" s="69"/>
      <c r="H120" s="69" t="s">
        <v>117</v>
      </c>
      <c r="I120" s="69"/>
      <c r="J120" s="69"/>
      <c r="K120" s="51"/>
      <c r="L120" s="51"/>
      <c r="M120" s="70"/>
      <c r="N120" s="19"/>
      <c r="O120" s="20"/>
    </row>
    <row r="121" spans="2:15" s="42" customFormat="1" ht="15" customHeight="1">
      <c r="B121" s="65"/>
      <c r="C121" s="40">
        <v>3316</v>
      </c>
      <c r="D121" s="71"/>
      <c r="E121" s="72"/>
      <c r="F121" s="72"/>
      <c r="G121" s="72"/>
      <c r="H121" s="72" t="s">
        <v>118</v>
      </c>
      <c r="I121" s="72"/>
      <c r="J121" s="72"/>
      <c r="K121" s="51"/>
      <c r="L121" s="51"/>
      <c r="M121" s="70"/>
      <c r="N121" s="19"/>
      <c r="O121" s="20"/>
    </row>
    <row r="122" spans="2:15" s="42" customFormat="1" ht="15" customHeight="1">
      <c r="B122" s="65"/>
      <c r="C122" s="40">
        <v>3326</v>
      </c>
      <c r="D122" s="66"/>
      <c r="E122" s="69"/>
      <c r="F122" s="69"/>
      <c r="G122" s="69"/>
      <c r="H122" s="69" t="s">
        <v>119</v>
      </c>
      <c r="I122" s="69"/>
      <c r="J122" s="69"/>
      <c r="K122" s="51"/>
      <c r="L122" s="51"/>
      <c r="M122" s="70"/>
      <c r="N122" s="19"/>
      <c r="O122" s="20"/>
    </row>
    <row r="123" spans="2:15" s="42" customFormat="1" ht="15" customHeight="1">
      <c r="B123" s="73"/>
      <c r="C123" s="40">
        <v>3327</v>
      </c>
      <c r="D123" s="71"/>
      <c r="E123" s="72"/>
      <c r="F123" s="72"/>
      <c r="G123" s="72"/>
      <c r="H123" s="72" t="s">
        <v>120</v>
      </c>
      <c r="I123" s="72"/>
      <c r="J123" s="72"/>
      <c r="K123" s="51"/>
      <c r="L123" s="51"/>
      <c r="M123" s="70"/>
      <c r="N123" s="19"/>
      <c r="O123" s="20"/>
    </row>
    <row r="124" spans="2:15" s="42" customFormat="1" ht="15" customHeight="1">
      <c r="B124" s="65"/>
      <c r="C124" s="40">
        <v>3404</v>
      </c>
      <c r="D124" s="66"/>
      <c r="E124" s="69"/>
      <c r="F124" s="69"/>
      <c r="G124" s="69"/>
      <c r="H124" s="69" t="s">
        <v>121</v>
      </c>
      <c r="I124" s="69"/>
      <c r="J124" s="69"/>
      <c r="K124" s="51"/>
      <c r="L124" s="51"/>
      <c r="M124" s="70"/>
      <c r="N124" s="19"/>
      <c r="O124" s="20"/>
    </row>
    <row r="125" spans="2:15" s="42" customFormat="1" ht="15" customHeight="1">
      <c r="B125" s="65"/>
      <c r="C125" s="40">
        <v>1192</v>
      </c>
      <c r="D125" s="71"/>
      <c r="E125" s="72"/>
      <c r="F125" s="72"/>
      <c r="G125" s="72"/>
      <c r="H125" s="72" t="s">
        <v>122</v>
      </c>
      <c r="I125" s="72"/>
      <c r="J125" s="72"/>
      <c r="K125" s="51"/>
      <c r="L125" s="51"/>
      <c r="M125" s="70"/>
      <c r="N125" s="19"/>
      <c r="O125" s="20"/>
    </row>
    <row r="126" spans="2:15" s="42" customFormat="1" ht="15" customHeight="1">
      <c r="B126" s="73"/>
      <c r="C126" s="40">
        <v>1849</v>
      </c>
      <c r="D126" s="66"/>
      <c r="E126" s="69"/>
      <c r="F126" s="69"/>
      <c r="G126" s="69"/>
      <c r="H126" s="69" t="s">
        <v>123</v>
      </c>
      <c r="I126" s="69"/>
      <c r="J126" s="69"/>
      <c r="K126" s="51"/>
      <c r="L126" s="51"/>
      <c r="M126" s="70"/>
      <c r="N126" s="19"/>
      <c r="O126" s="20"/>
    </row>
    <row r="127" spans="2:15" s="42" customFormat="1" ht="15" customHeight="1">
      <c r="B127" s="65"/>
      <c r="C127" s="40">
        <v>110</v>
      </c>
      <c r="D127" s="71"/>
      <c r="E127" s="72"/>
      <c r="F127" s="72"/>
      <c r="G127" s="72"/>
      <c r="H127" s="72" t="s">
        <v>124</v>
      </c>
      <c r="I127" s="72"/>
      <c r="J127" s="72"/>
      <c r="K127" s="51"/>
      <c r="L127" s="51"/>
      <c r="M127" s="70"/>
      <c r="N127" s="19"/>
      <c r="O127" s="20"/>
    </row>
    <row r="128" spans="2:15" s="42" customFormat="1" ht="15" customHeight="1">
      <c r="B128" s="65"/>
      <c r="C128" s="40">
        <v>3411</v>
      </c>
      <c r="D128" s="66"/>
      <c r="E128" s="69"/>
      <c r="F128" s="69"/>
      <c r="G128" s="69"/>
      <c r="H128" s="69" t="s">
        <v>125</v>
      </c>
      <c r="I128" s="69"/>
      <c r="J128" s="69"/>
      <c r="K128" s="51"/>
      <c r="L128" s="51"/>
      <c r="M128" s="70"/>
      <c r="N128" s="19"/>
      <c r="O128" s="20"/>
    </row>
    <row r="129" spans="2:15" s="42" customFormat="1" ht="15" customHeight="1">
      <c r="B129" s="65"/>
      <c r="C129" s="40">
        <v>818</v>
      </c>
      <c r="D129" s="71"/>
      <c r="E129" s="72"/>
      <c r="F129" s="72"/>
      <c r="G129" s="72"/>
      <c r="H129" s="72" t="s">
        <v>126</v>
      </c>
      <c r="I129" s="72"/>
      <c r="J129" s="72"/>
      <c r="K129" s="51"/>
      <c r="L129" s="51"/>
      <c r="M129" s="70"/>
      <c r="N129" s="19"/>
      <c r="O129" s="20"/>
    </row>
    <row r="130" spans="2:15" s="42" customFormat="1" ht="15" customHeight="1">
      <c r="B130" s="65"/>
      <c r="C130" s="40">
        <v>63261</v>
      </c>
      <c r="D130" s="66"/>
      <c r="E130" s="69"/>
      <c r="F130" s="69"/>
      <c r="G130" s="69"/>
      <c r="H130" s="69" t="s">
        <v>127</v>
      </c>
      <c r="I130" s="69"/>
      <c r="J130" s="69"/>
      <c r="K130" s="51"/>
      <c r="L130" s="51"/>
      <c r="M130" s="70"/>
      <c r="N130" s="19"/>
      <c r="O130" s="20"/>
    </row>
    <row r="131" spans="2:15" s="42" customFormat="1" ht="15" customHeight="1">
      <c r="B131" s="65"/>
      <c r="C131" s="40">
        <v>71273</v>
      </c>
      <c r="D131" s="71"/>
      <c r="E131" s="72"/>
      <c r="F131" s="72"/>
      <c r="G131" s="72"/>
      <c r="H131" s="72" t="s">
        <v>128</v>
      </c>
      <c r="I131" s="72"/>
      <c r="J131" s="72"/>
      <c r="K131" s="51"/>
      <c r="L131" s="51"/>
      <c r="M131" s="70"/>
      <c r="N131" s="19"/>
      <c r="O131" s="20"/>
    </row>
    <row r="132" spans="2:15" s="42" customFormat="1" ht="15" customHeight="1">
      <c r="B132" s="65"/>
      <c r="C132" s="40">
        <v>93111</v>
      </c>
      <c r="D132" s="66"/>
      <c r="E132" s="69"/>
      <c r="F132" s="69"/>
      <c r="G132" s="69"/>
      <c r="H132" s="69" t="s">
        <v>129</v>
      </c>
      <c r="I132" s="69"/>
      <c r="J132" s="69"/>
      <c r="K132" s="51"/>
      <c r="L132" s="51"/>
      <c r="M132" s="70"/>
      <c r="N132" s="19"/>
      <c r="O132" s="20"/>
    </row>
    <row r="133" spans="2:15" s="42" customFormat="1" ht="15" customHeight="1">
      <c r="B133" s="65"/>
      <c r="C133" s="40">
        <v>97548</v>
      </c>
      <c r="D133" s="71"/>
      <c r="E133" s="72"/>
      <c r="F133" s="72"/>
      <c r="G133" s="72"/>
      <c r="H133" s="72" t="s">
        <v>130</v>
      </c>
      <c r="I133" s="72"/>
      <c r="J133" s="72"/>
      <c r="K133" s="51"/>
      <c r="L133" s="51"/>
      <c r="M133" s="70"/>
      <c r="N133" s="19"/>
      <c r="O133" s="20"/>
    </row>
    <row r="134" spans="2:15" s="42" customFormat="1" ht="15" customHeight="1">
      <c r="B134" s="65"/>
      <c r="C134" s="40">
        <v>140969</v>
      </c>
      <c r="D134" s="66"/>
      <c r="E134" s="69"/>
      <c r="F134" s="69"/>
      <c r="G134" s="69"/>
      <c r="H134" s="69" t="s">
        <v>131</v>
      </c>
      <c r="I134" s="69"/>
      <c r="J134" s="69"/>
      <c r="K134" s="51"/>
      <c r="L134" s="51"/>
      <c r="M134" s="70"/>
      <c r="N134" s="19"/>
      <c r="O134" s="20"/>
    </row>
    <row r="135" spans="2:15" s="42" customFormat="1" ht="15" customHeight="1">
      <c r="B135" s="65"/>
      <c r="C135" s="40">
        <v>217266</v>
      </c>
      <c r="D135" s="71"/>
      <c r="E135" s="72"/>
      <c r="F135" s="72"/>
      <c r="G135" s="72"/>
      <c r="H135" s="72" t="s">
        <v>132</v>
      </c>
      <c r="I135" s="72"/>
      <c r="J135" s="72"/>
      <c r="K135" s="51"/>
      <c r="L135" s="51"/>
      <c r="M135" s="70"/>
      <c r="N135" s="19"/>
      <c r="O135" s="20"/>
    </row>
    <row r="136" spans="2:15" s="42" customFormat="1" ht="15" customHeight="1">
      <c r="B136" s="65"/>
      <c r="C136" s="40">
        <v>294415</v>
      </c>
      <c r="D136" s="66"/>
      <c r="E136" s="69"/>
      <c r="F136" s="69"/>
      <c r="G136" s="69"/>
      <c r="H136" s="69" t="s">
        <v>133</v>
      </c>
      <c r="I136" s="69"/>
      <c r="J136" s="69"/>
      <c r="K136" s="51"/>
      <c r="L136" s="51"/>
      <c r="M136" s="70"/>
      <c r="N136" s="19"/>
      <c r="O136" s="20"/>
    </row>
    <row r="137" spans="2:15" s="42" customFormat="1" ht="15" customHeight="1">
      <c r="B137" s="65"/>
      <c r="C137" s="40">
        <v>93548</v>
      </c>
      <c r="D137" s="71"/>
      <c r="E137" s="72"/>
      <c r="F137" s="72" t="s">
        <v>134</v>
      </c>
      <c r="G137" s="68"/>
      <c r="H137" s="68"/>
      <c r="I137" s="68"/>
      <c r="J137" s="72"/>
      <c r="K137" s="51"/>
      <c r="L137" s="51"/>
      <c r="M137" s="70"/>
      <c r="N137" s="19"/>
      <c r="O137" s="20"/>
    </row>
    <row r="138" spans="2:15" s="42" customFormat="1" ht="15" customHeight="1">
      <c r="B138" s="65"/>
      <c r="C138" s="40">
        <v>93550</v>
      </c>
      <c r="D138" s="71"/>
      <c r="E138" s="72"/>
      <c r="F138" s="72"/>
      <c r="G138" s="72" t="s">
        <v>135</v>
      </c>
      <c r="H138" s="68"/>
      <c r="I138" s="68"/>
      <c r="J138" s="72"/>
      <c r="K138" s="51"/>
      <c r="L138" s="51"/>
      <c r="M138" s="70"/>
      <c r="N138" s="19"/>
      <c r="O138" s="20"/>
    </row>
    <row r="139" spans="2:15" s="42" customFormat="1" ht="15" customHeight="1">
      <c r="B139" s="65"/>
      <c r="C139" s="40">
        <v>63</v>
      </c>
      <c r="D139" s="71"/>
      <c r="E139" s="72"/>
      <c r="F139" s="72"/>
      <c r="G139" s="72"/>
      <c r="H139" s="72" t="s">
        <v>136</v>
      </c>
      <c r="I139" s="68"/>
      <c r="J139" s="72"/>
      <c r="K139" s="51"/>
      <c r="L139" s="51"/>
      <c r="M139" s="70"/>
      <c r="N139" s="19"/>
      <c r="O139" s="20"/>
    </row>
    <row r="140" spans="2:15" s="42" customFormat="1" ht="15" customHeight="1">
      <c r="B140" s="73"/>
      <c r="C140" s="40">
        <v>88917</v>
      </c>
      <c r="D140" s="71"/>
      <c r="E140" s="72"/>
      <c r="F140" s="72"/>
      <c r="G140" s="72"/>
      <c r="H140" s="72"/>
      <c r="I140" s="72" t="s">
        <v>137</v>
      </c>
      <c r="J140" s="72"/>
      <c r="K140" s="51"/>
      <c r="L140" s="51"/>
      <c r="M140" s="70"/>
      <c r="N140" s="19"/>
      <c r="O140" s="20"/>
    </row>
    <row r="141" spans="2:15" s="42" customFormat="1" ht="15" customHeight="1">
      <c r="B141" s="65"/>
      <c r="C141" s="40">
        <v>88918</v>
      </c>
      <c r="D141" s="66"/>
      <c r="E141" s="69"/>
      <c r="F141" s="69"/>
      <c r="G141" s="69"/>
      <c r="H141" s="69"/>
      <c r="I141" s="69" t="s">
        <v>138</v>
      </c>
      <c r="J141" s="69"/>
      <c r="K141" s="51"/>
      <c r="L141" s="51"/>
      <c r="M141" s="70"/>
      <c r="N141" s="19"/>
      <c r="O141" s="20"/>
    </row>
    <row r="142" spans="2:15" s="42" customFormat="1" ht="15" customHeight="1">
      <c r="B142" s="65"/>
      <c r="C142" s="40">
        <v>88919</v>
      </c>
      <c r="D142" s="71"/>
      <c r="E142" s="72"/>
      <c r="F142" s="72"/>
      <c r="G142" s="72"/>
      <c r="H142" s="72"/>
      <c r="I142" s="72" t="s">
        <v>139</v>
      </c>
      <c r="J142" s="72"/>
      <c r="K142" s="51"/>
      <c r="L142" s="51"/>
      <c r="M142" s="70"/>
      <c r="N142" s="19"/>
      <c r="O142" s="20"/>
    </row>
    <row r="143" spans="2:15" s="42" customFormat="1" ht="15" customHeight="1">
      <c r="B143" s="65"/>
      <c r="C143" s="40">
        <v>1018</v>
      </c>
      <c r="D143" s="66"/>
      <c r="E143" s="69"/>
      <c r="F143" s="69"/>
      <c r="G143" s="69"/>
      <c r="H143" s="69" t="s">
        <v>140</v>
      </c>
      <c r="I143" s="69"/>
      <c r="J143" s="69"/>
      <c r="K143" s="51"/>
      <c r="L143" s="51"/>
      <c r="M143" s="70"/>
      <c r="N143" s="19"/>
      <c r="O143" s="20"/>
    </row>
    <row r="144" spans="2:15" s="42" customFormat="1" ht="15" customHeight="1">
      <c r="B144" s="65"/>
      <c r="C144" s="40">
        <v>73229</v>
      </c>
      <c r="D144" s="71"/>
      <c r="E144" s="72"/>
      <c r="F144" s="72"/>
      <c r="G144" s="72"/>
      <c r="H144" s="72" t="s">
        <v>141</v>
      </c>
      <c r="I144" s="72"/>
      <c r="J144" s="72"/>
      <c r="K144" s="51"/>
      <c r="L144" s="51"/>
      <c r="M144" s="70"/>
      <c r="N144" s="19"/>
      <c r="O144" s="20"/>
    </row>
    <row r="145" spans="2:15" s="42" customFormat="1" ht="15" customHeight="1">
      <c r="B145" s="65"/>
      <c r="C145" s="40">
        <v>300333</v>
      </c>
      <c r="D145" s="66"/>
      <c r="E145" s="69"/>
      <c r="F145" s="69"/>
      <c r="G145" s="69"/>
      <c r="H145" s="69" t="s">
        <v>142</v>
      </c>
      <c r="I145" s="69"/>
      <c r="J145" s="69"/>
      <c r="K145" s="51"/>
      <c r="L145" s="51"/>
      <c r="M145" s="70"/>
      <c r="N145" s="19"/>
      <c r="O145" s="20"/>
    </row>
    <row r="146" spans="2:15" s="42" customFormat="1" ht="15" customHeight="1">
      <c r="B146" s="73"/>
      <c r="C146" s="40">
        <v>306504</v>
      </c>
      <c r="D146" s="71"/>
      <c r="E146" s="72"/>
      <c r="F146" s="72"/>
      <c r="G146" s="72"/>
      <c r="H146" s="72" t="s">
        <v>143</v>
      </c>
      <c r="I146" s="72"/>
      <c r="J146" s="72"/>
      <c r="K146" s="51"/>
      <c r="L146" s="51"/>
      <c r="M146" s="70"/>
      <c r="N146" s="19"/>
      <c r="O146" s="20"/>
    </row>
    <row r="147" spans="2:15" s="42" customFormat="1" ht="15" customHeight="1">
      <c r="B147" s="65"/>
      <c r="C147" s="40">
        <v>93551</v>
      </c>
      <c r="D147" s="66"/>
      <c r="E147" s="69"/>
      <c r="F147" s="69"/>
      <c r="G147" s="69" t="s">
        <v>144</v>
      </c>
      <c r="H147" s="68"/>
      <c r="I147" s="68"/>
      <c r="J147" s="69"/>
      <c r="K147" s="51"/>
      <c r="L147" s="51"/>
      <c r="M147" s="70"/>
      <c r="N147" s="19"/>
      <c r="O147" s="20"/>
    </row>
    <row r="148" spans="2:15" s="42" customFormat="1" ht="15" customHeight="1">
      <c r="B148" s="65"/>
      <c r="C148" s="40">
        <v>732</v>
      </c>
      <c r="D148" s="66"/>
      <c r="E148" s="69"/>
      <c r="F148" s="69"/>
      <c r="G148" s="69"/>
      <c r="H148" s="69" t="s">
        <v>145</v>
      </c>
      <c r="I148" s="68"/>
      <c r="J148" s="69"/>
      <c r="K148" s="51"/>
      <c r="L148" s="51"/>
      <c r="M148" s="70"/>
      <c r="N148" s="19"/>
      <c r="O148" s="20"/>
    </row>
    <row r="149" spans="2:15" s="42" customFormat="1" ht="15" customHeight="1">
      <c r="B149" s="73"/>
      <c r="C149" s="40">
        <v>93568</v>
      </c>
      <c r="D149" s="66"/>
      <c r="E149" s="69"/>
      <c r="F149" s="69"/>
      <c r="G149" s="69"/>
      <c r="H149" s="69"/>
      <c r="I149" s="69" t="s">
        <v>146</v>
      </c>
      <c r="J149" s="69"/>
      <c r="K149" s="51"/>
      <c r="L149" s="51"/>
      <c r="M149" s="70"/>
      <c r="N149" s="19"/>
      <c r="O149" s="20"/>
    </row>
    <row r="150" spans="2:15" s="42" customFormat="1" ht="15" customHeight="1">
      <c r="B150" s="65"/>
      <c r="C150" s="40">
        <v>221</v>
      </c>
      <c r="D150" s="71"/>
      <c r="E150" s="72"/>
      <c r="F150" s="72"/>
      <c r="G150" s="72"/>
      <c r="H150" s="72" t="s">
        <v>147</v>
      </c>
      <c r="I150" s="68"/>
      <c r="J150" s="72"/>
      <c r="K150" s="51"/>
      <c r="L150" s="51"/>
      <c r="M150" s="70"/>
      <c r="N150" s="19"/>
      <c r="O150" s="20"/>
    </row>
    <row r="151" spans="2:15" s="42" customFormat="1" ht="15" customHeight="1">
      <c r="B151" s="65"/>
      <c r="C151" s="40">
        <v>93672</v>
      </c>
      <c r="D151" s="71"/>
      <c r="E151" s="72"/>
      <c r="F151" s="72"/>
      <c r="G151" s="72"/>
      <c r="H151" s="72"/>
      <c r="I151" s="72" t="s">
        <v>148</v>
      </c>
      <c r="J151" s="72"/>
      <c r="K151" s="51"/>
      <c r="L151" s="51"/>
      <c r="M151" s="70"/>
      <c r="N151" s="19"/>
      <c r="O151" s="20"/>
    </row>
    <row r="152" spans="2:15" s="42" customFormat="1" ht="15" customHeight="1">
      <c r="B152" s="73"/>
      <c r="C152" s="40">
        <v>117</v>
      </c>
      <c r="D152" s="66"/>
      <c r="E152" s="69"/>
      <c r="F152" s="69"/>
      <c r="G152" s="69"/>
      <c r="H152" s="69" t="s">
        <v>149</v>
      </c>
      <c r="I152" s="69"/>
      <c r="J152" s="69"/>
      <c r="K152" s="51"/>
      <c r="L152" s="51"/>
      <c r="M152" s="70"/>
      <c r="N152" s="19"/>
      <c r="O152" s="20"/>
    </row>
    <row r="153" spans="2:15" s="42" customFormat="1" ht="15" customHeight="1">
      <c r="B153" s="65"/>
      <c r="C153" s="40">
        <v>797</v>
      </c>
      <c r="D153" s="71"/>
      <c r="E153" s="72"/>
      <c r="F153" s="72"/>
      <c r="G153" s="72"/>
      <c r="H153" s="72" t="s">
        <v>150</v>
      </c>
      <c r="I153" s="72"/>
      <c r="J153" s="72"/>
      <c r="K153" s="51"/>
      <c r="L153" s="51"/>
      <c r="M153" s="70"/>
      <c r="N153" s="19"/>
      <c r="O153" s="20"/>
    </row>
    <row r="154" spans="2:15" s="42" customFormat="1" ht="15" customHeight="1">
      <c r="B154" s="65"/>
      <c r="C154" s="40">
        <v>183</v>
      </c>
      <c r="D154" s="66"/>
      <c r="E154" s="69"/>
      <c r="F154" s="69"/>
      <c r="G154" s="69"/>
      <c r="H154" s="69" t="s">
        <v>151</v>
      </c>
      <c r="I154" s="69"/>
      <c r="J154" s="69"/>
      <c r="K154" s="51"/>
      <c r="L154" s="51"/>
      <c r="M154" s="70"/>
      <c r="N154" s="19"/>
      <c r="O154" s="20"/>
    </row>
    <row r="155" spans="2:15" s="42" customFormat="1" ht="15" customHeight="1">
      <c r="B155" s="65"/>
      <c r="C155" s="40">
        <v>375</v>
      </c>
      <c r="D155" s="71"/>
      <c r="E155" s="72"/>
      <c r="F155" s="72"/>
      <c r="G155" s="72"/>
      <c r="H155" s="72" t="s">
        <v>152</v>
      </c>
      <c r="I155" s="72"/>
      <c r="J155" s="72"/>
      <c r="K155" s="51"/>
      <c r="L155" s="51"/>
      <c r="M155" s="70"/>
      <c r="N155" s="19"/>
      <c r="O155" s="20"/>
    </row>
    <row r="156" spans="2:15" s="42" customFormat="1" ht="15" customHeight="1">
      <c r="B156" s="65"/>
      <c r="C156" s="40">
        <v>761</v>
      </c>
      <c r="D156" s="66"/>
      <c r="E156" s="69"/>
      <c r="F156" s="69"/>
      <c r="G156" s="69"/>
      <c r="H156" s="69" t="s">
        <v>153</v>
      </c>
      <c r="I156" s="69"/>
      <c r="J156" s="69"/>
      <c r="K156" s="51"/>
      <c r="L156" s="51"/>
      <c r="M156" s="70"/>
      <c r="N156" s="19"/>
      <c r="O156" s="20"/>
    </row>
    <row r="157" spans="2:15" s="42" customFormat="1" ht="15" customHeight="1">
      <c r="B157" s="65"/>
      <c r="C157" s="40">
        <v>727</v>
      </c>
      <c r="D157" s="71"/>
      <c r="E157" s="72"/>
      <c r="F157" s="72"/>
      <c r="G157" s="72"/>
      <c r="H157" s="72" t="s">
        <v>154</v>
      </c>
      <c r="I157" s="72"/>
      <c r="J157" s="72"/>
      <c r="K157" s="51"/>
      <c r="L157" s="51"/>
      <c r="M157" s="70"/>
      <c r="N157" s="19"/>
      <c r="O157" s="20"/>
    </row>
    <row r="158" spans="2:15" s="42" customFormat="1" ht="15" customHeight="1">
      <c r="B158" s="73"/>
      <c r="C158" s="40">
        <v>900</v>
      </c>
      <c r="D158" s="66"/>
      <c r="E158" s="69"/>
      <c r="F158" s="69"/>
      <c r="G158" s="69"/>
      <c r="H158" s="69" t="s">
        <v>155</v>
      </c>
      <c r="I158" s="69"/>
      <c r="J158" s="69"/>
      <c r="K158" s="51"/>
      <c r="L158" s="51"/>
      <c r="M158" s="70"/>
      <c r="N158" s="19"/>
      <c r="O158" s="20"/>
    </row>
    <row r="159" spans="2:15" s="42" customFormat="1" ht="15" customHeight="1">
      <c r="B159" s="65"/>
      <c r="C159" s="40">
        <v>2331</v>
      </c>
      <c r="D159" s="71"/>
      <c r="E159" s="72"/>
      <c r="F159" s="72"/>
      <c r="G159" s="72"/>
      <c r="H159" s="72" t="s">
        <v>156</v>
      </c>
      <c r="I159" s="72"/>
      <c r="J159" s="72"/>
      <c r="K159" s="51"/>
      <c r="L159" s="51"/>
      <c r="M159" s="70"/>
      <c r="N159" s="19"/>
      <c r="O159" s="20"/>
    </row>
    <row r="160" spans="2:15" s="42" customFormat="1" ht="15" customHeight="1">
      <c r="B160" s="65"/>
      <c r="C160" s="40">
        <v>3287</v>
      </c>
      <c r="D160" s="66"/>
      <c r="E160" s="69"/>
      <c r="F160" s="69"/>
      <c r="G160" s="69"/>
      <c r="H160" s="69" t="s">
        <v>157</v>
      </c>
      <c r="I160" s="69"/>
      <c r="J160" s="69"/>
      <c r="K160" s="51"/>
      <c r="L160" s="51"/>
      <c r="M160" s="70"/>
      <c r="N160" s="19"/>
      <c r="O160" s="20"/>
    </row>
    <row r="161" spans="2:15" s="42" customFormat="1" ht="15" customHeight="1">
      <c r="B161" s="65"/>
      <c r="C161" s="40">
        <v>397</v>
      </c>
      <c r="D161" s="71"/>
      <c r="E161" s="72"/>
      <c r="F161" s="72"/>
      <c r="G161" s="72"/>
      <c r="H161" s="72" t="s">
        <v>158</v>
      </c>
      <c r="I161" s="68"/>
      <c r="J161" s="72"/>
      <c r="K161" s="51"/>
      <c r="L161" s="51"/>
      <c r="M161" s="70"/>
      <c r="N161" s="19"/>
      <c r="O161" s="20"/>
    </row>
    <row r="162" spans="2:15" s="42" customFormat="1" ht="15" customHeight="1">
      <c r="B162" s="65"/>
      <c r="C162" s="40">
        <v>93569</v>
      </c>
      <c r="D162" s="71"/>
      <c r="E162" s="72"/>
      <c r="F162" s="72"/>
      <c r="G162" s="72"/>
      <c r="H162" s="72"/>
      <c r="I162" s="72" t="s">
        <v>159</v>
      </c>
      <c r="J162" s="72"/>
      <c r="K162" s="51"/>
      <c r="L162" s="51"/>
      <c r="M162" s="70"/>
      <c r="N162" s="19"/>
      <c r="O162" s="20"/>
    </row>
    <row r="163" spans="2:15" s="42" customFormat="1" ht="15" customHeight="1">
      <c r="B163" s="73"/>
      <c r="C163" s="40">
        <v>342</v>
      </c>
      <c r="D163" s="66"/>
      <c r="E163" s="69"/>
      <c r="F163" s="69"/>
      <c r="G163" s="69"/>
      <c r="H163" s="69" t="s">
        <v>160</v>
      </c>
      <c r="I163" s="69"/>
      <c r="J163" s="69"/>
      <c r="K163" s="51"/>
      <c r="L163" s="51"/>
      <c r="M163" s="70"/>
      <c r="N163" s="19"/>
      <c r="O163" s="20"/>
    </row>
    <row r="164" spans="2:15" s="42" customFormat="1" ht="15" customHeight="1">
      <c r="B164" s="65"/>
      <c r="C164" s="40">
        <v>575</v>
      </c>
      <c r="D164" s="71"/>
      <c r="E164" s="72"/>
      <c r="F164" s="72"/>
      <c r="G164" s="72"/>
      <c r="H164" s="72" t="s">
        <v>161</v>
      </c>
      <c r="I164" s="72"/>
      <c r="J164" s="72"/>
      <c r="K164" s="51"/>
      <c r="L164" s="51"/>
      <c r="M164" s="70"/>
      <c r="N164" s="19"/>
      <c r="O164" s="20"/>
    </row>
    <row r="165" spans="2:15" s="42" customFormat="1" ht="15" customHeight="1">
      <c r="B165" s="65"/>
      <c r="C165" s="40">
        <v>767</v>
      </c>
      <c r="D165" s="66"/>
      <c r="E165" s="69"/>
      <c r="F165" s="69"/>
      <c r="G165" s="69"/>
      <c r="H165" s="69" t="s">
        <v>162</v>
      </c>
      <c r="I165" s="68"/>
      <c r="J165" s="69"/>
      <c r="K165" s="51"/>
      <c r="L165" s="51"/>
      <c r="M165" s="70"/>
      <c r="N165" s="19"/>
      <c r="O165" s="20"/>
    </row>
    <row r="166" spans="2:15" s="42" customFormat="1" ht="15" customHeight="1">
      <c r="B166" s="65"/>
      <c r="C166" s="40">
        <v>93564</v>
      </c>
      <c r="D166" s="66"/>
      <c r="E166" s="69"/>
      <c r="F166" s="69"/>
      <c r="G166" s="69"/>
      <c r="H166" s="69"/>
      <c r="I166" s="69" t="s">
        <v>163</v>
      </c>
      <c r="J166" s="69"/>
      <c r="K166" s="51"/>
      <c r="L166" s="51"/>
      <c r="M166" s="70"/>
      <c r="N166" s="19"/>
      <c r="O166" s="20"/>
    </row>
    <row r="167" spans="2:15" s="42" customFormat="1" ht="15" customHeight="1">
      <c r="B167" s="65"/>
      <c r="C167" s="40">
        <v>809</v>
      </c>
      <c r="D167" s="71"/>
      <c r="E167" s="72"/>
      <c r="F167" s="72"/>
      <c r="G167" s="72"/>
      <c r="H167" s="72" t="s">
        <v>164</v>
      </c>
      <c r="I167" s="72"/>
      <c r="J167" s="72"/>
      <c r="K167" s="51"/>
      <c r="L167" s="51"/>
      <c r="M167" s="70"/>
      <c r="N167" s="19"/>
      <c r="O167" s="20"/>
    </row>
    <row r="168" spans="2:15" s="42" customFormat="1" ht="15" customHeight="1">
      <c r="B168" s="65"/>
      <c r="C168" s="40">
        <v>829</v>
      </c>
      <c r="D168" s="66"/>
      <c r="E168" s="69"/>
      <c r="F168" s="69"/>
      <c r="G168" s="69"/>
      <c r="H168" s="69" t="s">
        <v>165</v>
      </c>
      <c r="I168" s="69"/>
      <c r="J168" s="69"/>
      <c r="K168" s="51"/>
      <c r="L168" s="51"/>
      <c r="M168" s="70"/>
      <c r="N168" s="19"/>
      <c r="O168" s="20"/>
    </row>
    <row r="169" spans="2:15" s="42" customFormat="1" ht="15" customHeight="1">
      <c r="B169" s="65"/>
      <c r="C169" s="40">
        <v>779</v>
      </c>
      <c r="D169" s="71"/>
      <c r="E169" s="72"/>
      <c r="F169" s="72"/>
      <c r="G169" s="72"/>
      <c r="H169" s="72" t="s">
        <v>166</v>
      </c>
      <c r="I169" s="72"/>
      <c r="J169" s="72"/>
      <c r="K169" s="51"/>
      <c r="L169" s="51"/>
      <c r="M169" s="70"/>
      <c r="N169" s="19"/>
      <c r="O169" s="20"/>
    </row>
    <row r="170" spans="2:15" s="42" customFormat="1" ht="15" customHeight="1">
      <c r="B170" s="73"/>
      <c r="C170" s="40">
        <v>838</v>
      </c>
      <c r="D170" s="66"/>
      <c r="E170" s="69"/>
      <c r="F170" s="69"/>
      <c r="G170" s="69"/>
      <c r="H170" s="69" t="s">
        <v>167</v>
      </c>
      <c r="I170" s="69"/>
      <c r="J170" s="69"/>
      <c r="K170" s="51"/>
      <c r="L170" s="51"/>
      <c r="M170" s="70"/>
      <c r="N170" s="19"/>
      <c r="O170" s="20"/>
    </row>
    <row r="171" spans="2:15" s="42" customFormat="1" ht="15" customHeight="1">
      <c r="B171" s="65"/>
      <c r="C171" s="40">
        <v>728</v>
      </c>
      <c r="D171" s="71"/>
      <c r="E171" s="72"/>
      <c r="F171" s="72"/>
      <c r="G171" s="72"/>
      <c r="H171" s="72" t="s">
        <v>168</v>
      </c>
      <c r="I171" s="72"/>
      <c r="J171" s="72"/>
      <c r="K171" s="51"/>
      <c r="L171" s="51"/>
      <c r="M171" s="70"/>
      <c r="N171" s="19"/>
      <c r="O171" s="20"/>
    </row>
    <row r="172" spans="2:15" s="42" customFormat="1" ht="15" customHeight="1">
      <c r="B172" s="65"/>
      <c r="C172" s="40">
        <v>36258</v>
      </c>
      <c r="D172" s="66"/>
      <c r="E172" s="69"/>
      <c r="F172" s="69"/>
      <c r="G172" s="69"/>
      <c r="H172" s="69" t="s">
        <v>169</v>
      </c>
      <c r="I172" s="69"/>
      <c r="J172" s="69"/>
      <c r="K172" s="51"/>
      <c r="L172" s="51"/>
      <c r="M172" s="70"/>
      <c r="N172" s="19"/>
      <c r="O172" s="20"/>
    </row>
    <row r="173" spans="2:15" s="42" customFormat="1" ht="15" customHeight="1">
      <c r="B173" s="65"/>
      <c r="C173" s="40">
        <v>36412</v>
      </c>
      <c r="D173" s="71"/>
      <c r="E173" s="72"/>
      <c r="F173" s="72"/>
      <c r="G173" s="72"/>
      <c r="H173" s="72" t="s">
        <v>170</v>
      </c>
      <c r="I173" s="72"/>
      <c r="J173" s="72"/>
      <c r="K173" s="51"/>
      <c r="L173" s="51"/>
      <c r="M173" s="70"/>
      <c r="N173" s="19"/>
      <c r="O173" s="20"/>
    </row>
    <row r="174" spans="2:15" s="42" customFormat="1" ht="15" customHeight="1">
      <c r="B174" s="65"/>
      <c r="C174" s="40">
        <v>84087</v>
      </c>
      <c r="D174" s="66"/>
      <c r="E174" s="69"/>
      <c r="F174" s="69"/>
      <c r="G174" s="69"/>
      <c r="H174" s="69" t="s">
        <v>171</v>
      </c>
      <c r="I174" s="69"/>
      <c r="J174" s="69"/>
      <c r="K174" s="51"/>
      <c r="L174" s="51"/>
      <c r="M174" s="70"/>
      <c r="N174" s="19"/>
      <c r="O174" s="20"/>
    </row>
    <row r="175" spans="2:15" s="42" customFormat="1" ht="15" customHeight="1">
      <c r="B175" s="65"/>
      <c r="C175" s="40">
        <v>85443</v>
      </c>
      <c r="D175" s="71"/>
      <c r="E175" s="72"/>
      <c r="F175" s="72"/>
      <c r="G175" s="72"/>
      <c r="H175" s="72" t="s">
        <v>172</v>
      </c>
      <c r="I175" s="68"/>
      <c r="J175" s="72"/>
      <c r="K175" s="51"/>
      <c r="L175" s="51"/>
      <c r="M175" s="70"/>
      <c r="N175" s="19"/>
      <c r="O175" s="20"/>
    </row>
    <row r="176" spans="2:15" s="42" customFormat="1" ht="15" customHeight="1">
      <c r="B176" s="65"/>
      <c r="C176" s="40">
        <v>314701</v>
      </c>
      <c r="D176" s="71"/>
      <c r="E176" s="72"/>
      <c r="F176" s="72"/>
      <c r="G176" s="72"/>
      <c r="H176" s="72"/>
      <c r="I176" s="72" t="s">
        <v>173</v>
      </c>
      <c r="J176" s="72"/>
      <c r="K176" s="51"/>
      <c r="L176" s="51"/>
      <c r="M176" s="70"/>
      <c r="N176" s="19"/>
      <c r="O176" s="20"/>
    </row>
    <row r="177" spans="2:15" s="42" customFormat="1" ht="15" customHeight="1">
      <c r="B177" s="65"/>
      <c r="C177" s="40">
        <v>314709</v>
      </c>
      <c r="D177" s="66"/>
      <c r="E177" s="69"/>
      <c r="F177" s="69"/>
      <c r="G177" s="69"/>
      <c r="H177" s="69"/>
      <c r="I177" s="69" t="s">
        <v>174</v>
      </c>
      <c r="J177" s="69"/>
      <c r="K177" s="51"/>
      <c r="L177" s="51"/>
      <c r="M177" s="70"/>
      <c r="N177" s="19"/>
      <c r="O177" s="20"/>
    </row>
    <row r="178" spans="2:15" s="42" customFormat="1" ht="15" customHeight="1">
      <c r="B178" s="65"/>
      <c r="C178" s="40">
        <v>85445</v>
      </c>
      <c r="D178" s="71"/>
      <c r="E178" s="72"/>
      <c r="F178" s="72"/>
      <c r="G178" s="72"/>
      <c r="H178" s="72" t="s">
        <v>175</v>
      </c>
      <c r="I178" s="72"/>
      <c r="J178" s="72"/>
      <c r="K178" s="51"/>
      <c r="L178" s="51"/>
      <c r="M178" s="70"/>
      <c r="N178" s="19"/>
      <c r="O178" s="20"/>
    </row>
    <row r="179" spans="2:15" s="42" customFormat="1" ht="15" customHeight="1">
      <c r="B179" s="65"/>
      <c r="C179" s="40">
        <v>85450</v>
      </c>
      <c r="D179" s="66"/>
      <c r="E179" s="69"/>
      <c r="F179" s="69"/>
      <c r="G179" s="69"/>
      <c r="H179" s="69" t="s">
        <v>176</v>
      </c>
      <c r="I179" s="68"/>
      <c r="J179" s="69"/>
      <c r="K179" s="51"/>
      <c r="L179" s="51"/>
      <c r="M179" s="70"/>
      <c r="N179" s="19"/>
      <c r="O179" s="20"/>
    </row>
    <row r="180" spans="2:15" s="42" customFormat="1" ht="15" customHeight="1">
      <c r="B180" s="65"/>
      <c r="C180" s="40">
        <v>93560</v>
      </c>
      <c r="D180" s="66"/>
      <c r="E180" s="69"/>
      <c r="F180" s="69"/>
      <c r="G180" s="69"/>
      <c r="H180" s="69"/>
      <c r="I180" s="69" t="s">
        <v>177</v>
      </c>
      <c r="J180" s="69"/>
      <c r="K180" s="51"/>
      <c r="L180" s="51"/>
      <c r="M180" s="70"/>
      <c r="N180" s="19"/>
      <c r="O180" s="20"/>
    </row>
    <row r="181" spans="2:15" s="42" customFormat="1" ht="15" customHeight="1">
      <c r="B181" s="73"/>
      <c r="C181" s="40">
        <v>93561</v>
      </c>
      <c r="D181" s="71"/>
      <c r="E181" s="72"/>
      <c r="F181" s="72"/>
      <c r="G181" s="72"/>
      <c r="H181" s="72"/>
      <c r="I181" s="72" t="s">
        <v>178</v>
      </c>
      <c r="J181" s="72"/>
      <c r="K181" s="51"/>
      <c r="L181" s="51"/>
      <c r="M181" s="70"/>
      <c r="N181" s="19"/>
      <c r="O181" s="20"/>
    </row>
    <row r="182" spans="2:15" s="42" customFormat="1" ht="15" customHeight="1">
      <c r="B182" s="65"/>
      <c r="C182" s="40">
        <v>93562</v>
      </c>
      <c r="D182" s="66"/>
      <c r="E182" s="69"/>
      <c r="F182" s="69"/>
      <c r="G182" s="69"/>
      <c r="H182" s="69"/>
      <c r="I182" s="69" t="s">
        <v>179</v>
      </c>
      <c r="J182" s="69"/>
      <c r="K182" s="51"/>
      <c r="L182" s="51"/>
      <c r="M182" s="70"/>
      <c r="N182" s="19"/>
      <c r="O182" s="20"/>
    </row>
    <row r="183" spans="2:15" s="42" customFormat="1" ht="15" customHeight="1">
      <c r="B183" s="65"/>
      <c r="C183" s="40">
        <v>238269</v>
      </c>
      <c r="D183" s="71"/>
      <c r="E183" s="72"/>
      <c r="F183" s="72"/>
      <c r="G183" s="72"/>
      <c r="H183" s="72"/>
      <c r="I183" s="72" t="s">
        <v>180</v>
      </c>
      <c r="J183" s="72"/>
      <c r="K183" s="51"/>
      <c r="L183" s="51"/>
      <c r="M183" s="70"/>
      <c r="N183" s="19"/>
      <c r="O183" s="20"/>
    </row>
    <row r="184" spans="2:15" s="42" customFormat="1" ht="15" customHeight="1">
      <c r="B184" s="65"/>
      <c r="C184" s="40">
        <v>86861</v>
      </c>
      <c r="D184" s="66"/>
      <c r="E184" s="69"/>
      <c r="F184" s="69"/>
      <c r="G184" s="69"/>
      <c r="H184" s="69" t="s">
        <v>181</v>
      </c>
      <c r="I184" s="68"/>
      <c r="J184" s="69"/>
      <c r="K184" s="51"/>
      <c r="L184" s="51"/>
      <c r="M184" s="70"/>
      <c r="N184" s="19"/>
      <c r="O184" s="20"/>
    </row>
    <row r="185" spans="2:15" s="42" customFormat="1" ht="15" customHeight="1">
      <c r="B185" s="73"/>
      <c r="C185" s="40">
        <v>93556</v>
      </c>
      <c r="D185" s="66"/>
      <c r="E185" s="69"/>
      <c r="F185" s="69"/>
      <c r="G185" s="69"/>
      <c r="H185" s="69"/>
      <c r="I185" s="69" t="s">
        <v>182</v>
      </c>
      <c r="J185" s="69"/>
      <c r="K185" s="51"/>
      <c r="L185" s="51"/>
      <c r="M185" s="70"/>
      <c r="N185" s="19"/>
      <c r="O185" s="20"/>
    </row>
    <row r="186" spans="2:15" s="42" customFormat="1" ht="15" customHeight="1">
      <c r="B186" s="65"/>
      <c r="C186" s="40">
        <v>93557</v>
      </c>
      <c r="D186" s="71"/>
      <c r="E186" s="72"/>
      <c r="F186" s="72"/>
      <c r="G186" s="72"/>
      <c r="H186" s="72"/>
      <c r="I186" s="72" t="s">
        <v>183</v>
      </c>
      <c r="J186" s="72"/>
      <c r="K186" s="51"/>
      <c r="L186" s="51"/>
      <c r="M186" s="70"/>
      <c r="N186" s="19"/>
      <c r="O186" s="20"/>
    </row>
    <row r="187" spans="2:15" s="42" customFormat="1" ht="15" customHeight="1">
      <c r="B187" s="65"/>
      <c r="C187" s="40">
        <v>93558</v>
      </c>
      <c r="D187" s="66"/>
      <c r="E187" s="69"/>
      <c r="F187" s="69"/>
      <c r="G187" s="69"/>
      <c r="H187" s="69"/>
      <c r="I187" s="69" t="s">
        <v>184</v>
      </c>
      <c r="J187" s="69"/>
      <c r="K187" s="51"/>
      <c r="L187" s="51"/>
      <c r="M187" s="70"/>
      <c r="N187" s="19"/>
      <c r="O187" s="20"/>
    </row>
    <row r="188" spans="2:15" s="42" customFormat="1" ht="15" customHeight="1">
      <c r="B188" s="65"/>
      <c r="C188" s="40">
        <v>90291</v>
      </c>
      <c r="D188" s="71"/>
      <c r="E188" s="72"/>
      <c r="F188" s="72"/>
      <c r="G188" s="72"/>
      <c r="H188" s="72" t="s">
        <v>185</v>
      </c>
      <c r="I188" s="68"/>
      <c r="J188" s="72"/>
      <c r="K188" s="51"/>
      <c r="L188" s="51"/>
      <c r="M188" s="70"/>
      <c r="N188" s="19"/>
      <c r="O188" s="20"/>
    </row>
    <row r="189" spans="2:15" s="42" customFormat="1" ht="15" customHeight="1">
      <c r="B189" s="65"/>
      <c r="C189" s="40">
        <v>93567</v>
      </c>
      <c r="D189" s="71"/>
      <c r="E189" s="72"/>
      <c r="F189" s="72"/>
      <c r="G189" s="72"/>
      <c r="H189" s="72"/>
      <c r="I189" s="72" t="s">
        <v>186</v>
      </c>
      <c r="J189" s="72"/>
      <c r="K189" s="51"/>
      <c r="L189" s="51"/>
      <c r="M189" s="70"/>
      <c r="N189" s="19"/>
      <c r="O189" s="20"/>
    </row>
    <row r="190" spans="2:15" s="42" customFormat="1" ht="15" customHeight="1">
      <c r="B190" s="65"/>
      <c r="C190" s="40">
        <v>220393</v>
      </c>
      <c r="D190" s="66"/>
      <c r="E190" s="69"/>
      <c r="F190" s="69"/>
      <c r="G190" s="69"/>
      <c r="H190" s="69"/>
      <c r="I190" s="69" t="s">
        <v>187</v>
      </c>
      <c r="J190" s="69"/>
      <c r="K190" s="51"/>
      <c r="L190" s="51"/>
      <c r="M190" s="70"/>
      <c r="N190" s="19"/>
      <c r="O190" s="20"/>
    </row>
    <row r="191" spans="2:15" s="42" customFormat="1" ht="15" customHeight="1">
      <c r="B191" s="65"/>
      <c r="C191" s="40">
        <v>220402</v>
      </c>
      <c r="D191" s="71"/>
      <c r="E191" s="72"/>
      <c r="F191" s="72"/>
      <c r="G191" s="72"/>
      <c r="H191" s="72"/>
      <c r="I191" s="72" t="s">
        <v>188</v>
      </c>
      <c r="J191" s="68"/>
      <c r="K191" s="51"/>
      <c r="L191" s="51"/>
      <c r="M191" s="70"/>
      <c r="N191" s="19"/>
      <c r="O191" s="20"/>
    </row>
    <row r="192" spans="2:15" s="42" customFormat="1" ht="15" customHeight="1">
      <c r="B192" s="65"/>
      <c r="C192" s="40">
        <v>90290</v>
      </c>
      <c r="D192" s="71"/>
      <c r="E192" s="72"/>
      <c r="F192" s="72"/>
      <c r="G192" s="72"/>
      <c r="H192" s="72"/>
      <c r="I192" s="72"/>
      <c r="J192" s="72" t="s">
        <v>189</v>
      </c>
      <c r="K192" s="51"/>
      <c r="L192" s="51"/>
      <c r="M192" s="70"/>
      <c r="N192" s="19"/>
      <c r="O192" s="20"/>
    </row>
    <row r="193" spans="2:15" s="42" customFormat="1" ht="15" customHeight="1">
      <c r="B193" s="65"/>
      <c r="C193" s="40">
        <v>220407</v>
      </c>
      <c r="D193" s="66"/>
      <c r="E193" s="69"/>
      <c r="F193" s="69"/>
      <c r="G193" s="69"/>
      <c r="H193" s="69"/>
      <c r="I193" s="69" t="s">
        <v>190</v>
      </c>
      <c r="J193" s="69"/>
      <c r="K193" s="51"/>
      <c r="L193" s="51"/>
      <c r="M193" s="70"/>
      <c r="N193" s="19"/>
      <c r="O193" s="20"/>
    </row>
    <row r="194" spans="2:15" s="42" customFormat="1" ht="15" customHeight="1">
      <c r="B194" s="65"/>
      <c r="C194" s="40">
        <v>91137</v>
      </c>
      <c r="D194" s="71"/>
      <c r="E194" s="72"/>
      <c r="F194" s="72"/>
      <c r="G194" s="72"/>
      <c r="H194" s="72" t="s">
        <v>191</v>
      </c>
      <c r="I194" s="68"/>
      <c r="J194" s="72"/>
      <c r="K194" s="51"/>
      <c r="L194" s="51"/>
      <c r="M194" s="70"/>
      <c r="N194" s="19"/>
      <c r="O194" s="20"/>
    </row>
    <row r="195" spans="2:15" s="42" customFormat="1" ht="15" customHeight="1">
      <c r="B195" s="65"/>
      <c r="C195" s="40">
        <v>97566</v>
      </c>
      <c r="D195" s="71"/>
      <c r="E195" s="72"/>
      <c r="F195" s="72"/>
      <c r="G195" s="72"/>
      <c r="H195" s="72"/>
      <c r="I195" s="72" t="s">
        <v>192</v>
      </c>
      <c r="J195" s="72"/>
      <c r="K195" s="51"/>
      <c r="L195" s="51"/>
      <c r="M195" s="70"/>
      <c r="N195" s="19"/>
      <c r="O195" s="20"/>
    </row>
    <row r="196" spans="2:15" s="42" customFormat="1" ht="15" customHeight="1">
      <c r="B196" s="65"/>
      <c r="C196" s="40">
        <v>97567</v>
      </c>
      <c r="D196" s="66"/>
      <c r="E196" s="69"/>
      <c r="F196" s="69"/>
      <c r="G196" s="69"/>
      <c r="H196" s="69"/>
      <c r="I196" s="69" t="s">
        <v>193</v>
      </c>
      <c r="J196" s="69"/>
      <c r="K196" s="51"/>
      <c r="L196" s="51"/>
      <c r="M196" s="70"/>
      <c r="N196" s="19"/>
      <c r="O196" s="20"/>
    </row>
    <row r="197" spans="2:15" s="42" customFormat="1" ht="15" customHeight="1">
      <c r="B197" s="65"/>
      <c r="C197" s="40">
        <v>91138</v>
      </c>
      <c r="D197" s="71"/>
      <c r="E197" s="72"/>
      <c r="F197" s="72"/>
      <c r="G197" s="72"/>
      <c r="H197" s="72" t="s">
        <v>194</v>
      </c>
      <c r="I197" s="68"/>
      <c r="J197" s="72"/>
      <c r="K197" s="51"/>
      <c r="L197" s="51"/>
      <c r="M197" s="70"/>
      <c r="N197" s="19"/>
      <c r="O197" s="20"/>
    </row>
    <row r="198" spans="2:15" s="42" customFormat="1" ht="15" customHeight="1">
      <c r="B198" s="65"/>
      <c r="C198" s="40">
        <v>93554</v>
      </c>
      <c r="D198" s="71"/>
      <c r="E198" s="72"/>
      <c r="F198" s="72"/>
      <c r="G198" s="72"/>
      <c r="H198" s="72"/>
      <c r="I198" s="72" t="s">
        <v>195</v>
      </c>
      <c r="J198" s="72"/>
      <c r="K198" s="51"/>
      <c r="L198" s="51"/>
      <c r="M198" s="70"/>
      <c r="N198" s="19"/>
      <c r="O198" s="20"/>
    </row>
    <row r="199" spans="2:15" s="42" customFormat="1" ht="15" customHeight="1">
      <c r="B199" s="65"/>
      <c r="C199" s="40">
        <v>93555</v>
      </c>
      <c r="D199" s="66"/>
      <c r="E199" s="69"/>
      <c r="F199" s="69"/>
      <c r="G199" s="69"/>
      <c r="H199" s="69"/>
      <c r="I199" s="69" t="s">
        <v>196</v>
      </c>
      <c r="J199" s="69"/>
      <c r="K199" s="51"/>
      <c r="L199" s="51"/>
      <c r="M199" s="70"/>
      <c r="N199" s="19"/>
      <c r="O199" s="20"/>
    </row>
    <row r="200" spans="2:15" s="42" customFormat="1" ht="15" customHeight="1">
      <c r="B200" s="65"/>
      <c r="C200" s="40">
        <v>93126</v>
      </c>
      <c r="D200" s="71"/>
      <c r="E200" s="72"/>
      <c r="F200" s="72"/>
      <c r="G200" s="72"/>
      <c r="H200" s="72" t="s">
        <v>197</v>
      </c>
      <c r="I200" s="68"/>
      <c r="J200" s="72"/>
      <c r="K200" s="51"/>
      <c r="L200" s="51"/>
      <c r="M200" s="70"/>
      <c r="N200" s="19"/>
      <c r="O200" s="20"/>
    </row>
    <row r="201" spans="2:15" s="42" customFormat="1" ht="15" customHeight="1">
      <c r="B201" s="65"/>
      <c r="C201" s="40">
        <v>97563</v>
      </c>
      <c r="D201" s="71"/>
      <c r="E201" s="72"/>
      <c r="F201" s="72"/>
      <c r="G201" s="72"/>
      <c r="H201" s="72"/>
      <c r="I201" s="72" t="s">
        <v>198</v>
      </c>
      <c r="J201" s="72"/>
      <c r="K201" s="51"/>
      <c r="L201" s="51"/>
      <c r="M201" s="70"/>
      <c r="N201" s="19"/>
      <c r="O201" s="20"/>
    </row>
    <row r="202" spans="2:15" s="42" customFormat="1" ht="15" customHeight="1">
      <c r="B202" s="65"/>
      <c r="C202" s="40">
        <v>97564</v>
      </c>
      <c r="D202" s="66"/>
      <c r="E202" s="69"/>
      <c r="F202" s="69"/>
      <c r="G202" s="69"/>
      <c r="H202" s="69"/>
      <c r="I202" s="69" t="s">
        <v>199</v>
      </c>
      <c r="J202" s="69"/>
      <c r="K202" s="51"/>
      <c r="L202" s="51"/>
      <c r="M202" s="70"/>
      <c r="N202" s="19"/>
      <c r="O202" s="20"/>
    </row>
    <row r="203" spans="2:15" s="42" customFormat="1" ht="15" customHeight="1">
      <c r="B203" s="65"/>
      <c r="C203" s="40">
        <v>93552</v>
      </c>
      <c r="D203" s="71"/>
      <c r="E203" s="72"/>
      <c r="F203" s="72"/>
      <c r="G203" s="72"/>
      <c r="H203" s="72" t="s">
        <v>200</v>
      </c>
      <c r="I203" s="72"/>
      <c r="J203" s="72"/>
      <c r="K203" s="51"/>
      <c r="L203" s="51"/>
      <c r="M203" s="70"/>
      <c r="N203" s="19"/>
      <c r="O203" s="20"/>
    </row>
    <row r="204" spans="2:15" s="42" customFormat="1" ht="15" customHeight="1">
      <c r="B204" s="65"/>
      <c r="C204" s="40">
        <v>93553</v>
      </c>
      <c r="D204" s="66"/>
      <c r="E204" s="69"/>
      <c r="F204" s="69"/>
      <c r="G204" s="69"/>
      <c r="H204" s="69" t="s">
        <v>201</v>
      </c>
      <c r="I204" s="69"/>
      <c r="J204" s="69"/>
      <c r="K204" s="51"/>
      <c r="L204" s="51"/>
      <c r="M204" s="70"/>
      <c r="N204" s="19"/>
      <c r="O204" s="20"/>
    </row>
    <row r="205" spans="2:15" s="42" customFormat="1" ht="15" customHeight="1">
      <c r="B205" s="65"/>
      <c r="C205" s="40">
        <v>93559</v>
      </c>
      <c r="D205" s="71"/>
      <c r="E205" s="72"/>
      <c r="F205" s="72"/>
      <c r="G205" s="72"/>
      <c r="H205" s="72" t="s">
        <v>202</v>
      </c>
      <c r="I205" s="72"/>
      <c r="J205" s="72"/>
      <c r="K205" s="51"/>
      <c r="L205" s="51"/>
      <c r="M205" s="70"/>
      <c r="N205" s="19"/>
      <c r="O205" s="20"/>
    </row>
    <row r="206" spans="2:15" s="42" customFormat="1" ht="15" customHeight="1">
      <c r="B206" s="65"/>
      <c r="C206" s="40">
        <v>93566</v>
      </c>
      <c r="D206" s="66"/>
      <c r="E206" s="69"/>
      <c r="F206" s="69"/>
      <c r="G206" s="69"/>
      <c r="H206" s="69" t="s">
        <v>203</v>
      </c>
      <c r="I206" s="69"/>
      <c r="J206" s="69"/>
      <c r="K206" s="51"/>
      <c r="L206" s="51"/>
      <c r="M206" s="70"/>
      <c r="N206" s="19"/>
      <c r="O206" s="20"/>
    </row>
    <row r="207" spans="2:15" s="42" customFormat="1" ht="15" customHeight="1">
      <c r="B207" s="65"/>
      <c r="C207" s="40">
        <v>93567</v>
      </c>
      <c r="D207" s="71"/>
      <c r="E207" s="72"/>
      <c r="F207" s="72"/>
      <c r="G207" s="72"/>
      <c r="H207" s="72" t="s">
        <v>186</v>
      </c>
      <c r="I207" s="72"/>
      <c r="J207" s="72"/>
      <c r="K207" s="51"/>
      <c r="L207" s="51"/>
      <c r="M207" s="70"/>
      <c r="N207" s="19"/>
      <c r="O207" s="20"/>
    </row>
    <row r="208" spans="2:15" s="42" customFormat="1" ht="15" customHeight="1">
      <c r="B208" s="65"/>
      <c r="C208" s="40">
        <v>97569</v>
      </c>
      <c r="D208" s="66"/>
      <c r="E208" s="69"/>
      <c r="F208" s="69"/>
      <c r="G208" s="69"/>
      <c r="H208" s="69" t="s">
        <v>204</v>
      </c>
      <c r="I208" s="69"/>
      <c r="J208" s="69"/>
      <c r="K208" s="51"/>
      <c r="L208" s="51"/>
      <c r="M208" s="70"/>
      <c r="N208" s="19"/>
      <c r="O208" s="20"/>
    </row>
    <row r="209" spans="2:15" s="42" customFormat="1" ht="15" customHeight="1">
      <c r="B209" s="65"/>
      <c r="C209" s="40">
        <v>102373</v>
      </c>
      <c r="D209" s="71"/>
      <c r="E209" s="72"/>
      <c r="F209" s="72"/>
      <c r="G209" s="72" t="s">
        <v>205</v>
      </c>
      <c r="H209" s="68"/>
      <c r="I209" s="72"/>
      <c r="J209" s="72"/>
      <c r="K209" s="51"/>
      <c r="L209" s="51"/>
      <c r="M209" s="70"/>
      <c r="N209" s="19"/>
      <c r="O209" s="20"/>
    </row>
    <row r="210" spans="2:15" s="42" customFormat="1" ht="15" customHeight="1">
      <c r="B210" s="65"/>
      <c r="C210" s="40">
        <v>2614</v>
      </c>
      <c r="D210" s="71"/>
      <c r="E210" s="72"/>
      <c r="F210" s="72"/>
      <c r="G210" s="72"/>
      <c r="H210" s="72" t="s">
        <v>206</v>
      </c>
      <c r="I210" s="72"/>
      <c r="J210" s="72"/>
      <c r="K210" s="51"/>
      <c r="L210" s="51"/>
      <c r="M210" s="70"/>
      <c r="N210" s="19"/>
      <c r="O210" s="20"/>
    </row>
    <row r="211" spans="2:15" s="42" customFormat="1" ht="15" customHeight="1">
      <c r="B211" s="65"/>
      <c r="C211" s="40">
        <v>1830</v>
      </c>
      <c r="D211" s="66"/>
      <c r="E211" s="69"/>
      <c r="F211" s="69"/>
      <c r="G211" s="69"/>
      <c r="H211" s="69" t="s">
        <v>207</v>
      </c>
      <c r="I211" s="69"/>
      <c r="J211" s="69"/>
      <c r="K211" s="51"/>
      <c r="L211" s="51"/>
      <c r="M211" s="70"/>
      <c r="N211" s="19"/>
      <c r="O211" s="20"/>
    </row>
    <row r="212" spans="2:15" s="42" customFormat="1" ht="15" customHeight="1">
      <c r="B212" s="73"/>
      <c r="C212" s="40">
        <v>2065</v>
      </c>
      <c r="D212" s="71"/>
      <c r="E212" s="72"/>
      <c r="F212" s="72"/>
      <c r="G212" s="72"/>
      <c r="H212" s="72" t="s">
        <v>208</v>
      </c>
      <c r="I212" s="72"/>
      <c r="J212" s="72"/>
      <c r="K212" s="51"/>
      <c r="L212" s="51"/>
      <c r="M212" s="70"/>
      <c r="N212" s="19"/>
      <c r="O212" s="20"/>
    </row>
    <row r="213" spans="2:15" s="42" customFormat="1" ht="15" customHeight="1">
      <c r="B213" s="65"/>
      <c r="C213" s="40">
        <v>2087</v>
      </c>
      <c r="D213" s="66"/>
      <c r="E213" s="69"/>
      <c r="F213" s="69"/>
      <c r="G213" s="69"/>
      <c r="H213" s="69" t="s">
        <v>209</v>
      </c>
      <c r="I213" s="69"/>
      <c r="J213" s="69"/>
      <c r="K213" s="51"/>
      <c r="L213" s="51"/>
      <c r="M213" s="70"/>
      <c r="N213" s="19"/>
      <c r="O213" s="20"/>
    </row>
    <row r="214" spans="2:15" s="42" customFormat="1" ht="15" customHeight="1">
      <c r="B214" s="65"/>
      <c r="C214" s="40">
        <v>2613</v>
      </c>
      <c r="D214" s="71"/>
      <c r="E214" s="72"/>
      <c r="F214" s="72"/>
      <c r="G214" s="72"/>
      <c r="H214" s="72" t="s">
        <v>210</v>
      </c>
      <c r="I214" s="72"/>
      <c r="J214" s="72"/>
      <c r="K214" s="51"/>
      <c r="L214" s="51"/>
      <c r="M214" s="70"/>
      <c r="N214" s="19"/>
      <c r="O214" s="20"/>
    </row>
    <row r="215" spans="2:15" s="42" customFormat="1" ht="15" customHeight="1">
      <c r="B215" s="65"/>
      <c r="C215" s="40">
        <v>2670</v>
      </c>
      <c r="D215" s="66"/>
      <c r="E215" s="69"/>
      <c r="F215" s="69"/>
      <c r="G215" s="69"/>
      <c r="H215" s="69" t="s">
        <v>211</v>
      </c>
      <c r="I215" s="69"/>
      <c r="J215" s="69"/>
      <c r="K215" s="51"/>
      <c r="L215" s="51"/>
      <c r="M215" s="70"/>
      <c r="N215" s="19"/>
      <c r="O215" s="20"/>
    </row>
    <row r="216" spans="2:15">
      <c r="B216" s="74"/>
      <c r="C216" s="40">
        <v>656</v>
      </c>
      <c r="D216" s="71"/>
      <c r="E216" s="72"/>
      <c r="F216" s="72"/>
      <c r="G216" s="72"/>
      <c r="H216" s="72" t="s">
        <v>212</v>
      </c>
      <c r="I216" s="68"/>
      <c r="J216" s="72"/>
      <c r="K216" s="75"/>
      <c r="L216" s="75"/>
      <c r="M216" s="76"/>
      <c r="N216" s="61"/>
      <c r="O216" s="62"/>
    </row>
    <row r="217" spans="2:15">
      <c r="B217" s="74"/>
      <c r="C217" s="40">
        <v>93213</v>
      </c>
      <c r="D217" s="71"/>
      <c r="E217" s="72"/>
      <c r="F217" s="72"/>
      <c r="G217" s="72"/>
      <c r="H217" s="72"/>
      <c r="I217" s="72" t="s">
        <v>213</v>
      </c>
      <c r="J217" s="72"/>
      <c r="K217" s="75"/>
      <c r="L217" s="75"/>
      <c r="M217" s="76"/>
      <c r="N217" s="61"/>
      <c r="O217" s="62"/>
    </row>
    <row r="218" spans="2:15">
      <c r="B218" s="74"/>
      <c r="C218" s="40">
        <v>93214</v>
      </c>
      <c r="D218" s="66"/>
      <c r="E218" s="69"/>
      <c r="F218" s="69"/>
      <c r="G218" s="69"/>
      <c r="H218" s="69"/>
      <c r="I218" s="69" t="s">
        <v>214</v>
      </c>
      <c r="J218" s="69"/>
      <c r="K218" s="75"/>
      <c r="L218" s="75"/>
      <c r="M218" s="76"/>
      <c r="N218" s="61"/>
      <c r="O218" s="62"/>
    </row>
    <row r="219" spans="2:15">
      <c r="B219" s="74"/>
      <c r="C219" s="40">
        <v>93216</v>
      </c>
      <c r="D219" s="71"/>
      <c r="E219" s="72"/>
      <c r="F219" s="72"/>
      <c r="G219" s="72"/>
      <c r="H219" s="72"/>
      <c r="I219" s="72" t="s">
        <v>215</v>
      </c>
      <c r="J219" s="72"/>
      <c r="K219" s="75"/>
      <c r="L219" s="75"/>
      <c r="M219" s="76"/>
      <c r="N219" s="61"/>
      <c r="O219" s="62"/>
    </row>
    <row r="220" spans="2:15">
      <c r="B220" s="74"/>
      <c r="C220" s="40">
        <v>93217</v>
      </c>
      <c r="D220" s="66"/>
      <c r="E220" s="69"/>
      <c r="F220" s="69"/>
      <c r="G220" s="69"/>
      <c r="H220" s="69"/>
      <c r="I220" s="69" t="s">
        <v>216</v>
      </c>
      <c r="J220" s="69"/>
      <c r="K220" s="75"/>
      <c r="L220" s="75"/>
      <c r="M220" s="76"/>
      <c r="N220" s="61"/>
      <c r="O220" s="62"/>
    </row>
    <row r="221" spans="2:15">
      <c r="B221" s="74"/>
      <c r="C221" s="40">
        <v>220</v>
      </c>
      <c r="D221" s="71"/>
      <c r="E221" s="72"/>
      <c r="F221" s="72"/>
      <c r="G221" s="72"/>
      <c r="H221" s="72" t="s">
        <v>217</v>
      </c>
      <c r="I221" s="72"/>
      <c r="J221" s="72"/>
      <c r="K221" s="75"/>
      <c r="L221" s="75"/>
      <c r="M221" s="76"/>
      <c r="N221" s="61"/>
      <c r="O221" s="62"/>
    </row>
    <row r="222" spans="2:15">
      <c r="B222" s="74"/>
      <c r="C222" s="40">
        <v>347</v>
      </c>
      <c r="D222" s="66"/>
      <c r="E222" s="69"/>
      <c r="F222" s="69"/>
      <c r="G222" s="69"/>
      <c r="H222" s="69" t="s">
        <v>218</v>
      </c>
      <c r="I222" s="69"/>
      <c r="J222" s="69"/>
      <c r="K222" s="75"/>
      <c r="L222" s="75"/>
      <c r="M222" s="76"/>
      <c r="N222" s="61"/>
      <c r="O222" s="62"/>
    </row>
    <row r="223" spans="2:15">
      <c r="B223" s="74"/>
      <c r="C223" s="40">
        <v>54370</v>
      </c>
      <c r="D223" s="71"/>
      <c r="E223" s="72"/>
      <c r="F223" s="72"/>
      <c r="G223" s="72"/>
      <c r="H223" s="72" t="s">
        <v>219</v>
      </c>
      <c r="I223" s="68"/>
      <c r="J223" s="72"/>
      <c r="K223" s="75"/>
      <c r="L223" s="75"/>
      <c r="M223" s="76"/>
      <c r="N223" s="61"/>
      <c r="O223" s="62"/>
    </row>
    <row r="224" spans="2:15">
      <c r="B224" s="74"/>
      <c r="C224" s="40">
        <v>93570</v>
      </c>
      <c r="D224" s="71"/>
      <c r="E224" s="72"/>
      <c r="F224" s="72"/>
      <c r="G224" s="72"/>
      <c r="H224" s="72"/>
      <c r="I224" s="72" t="s">
        <v>220</v>
      </c>
      <c r="J224" s="72"/>
      <c r="K224" s="75"/>
      <c r="L224" s="75"/>
      <c r="M224" s="76"/>
      <c r="N224" s="61"/>
      <c r="O224" s="62"/>
    </row>
    <row r="225" spans="2:15">
      <c r="B225" s="74"/>
      <c r="C225" s="40">
        <v>93571</v>
      </c>
      <c r="D225" s="66"/>
      <c r="E225" s="69"/>
      <c r="F225" s="69"/>
      <c r="G225" s="69"/>
      <c r="H225" s="69"/>
      <c r="I225" s="69" t="s">
        <v>221</v>
      </c>
      <c r="J225" s="69"/>
      <c r="K225" s="75"/>
      <c r="L225" s="75"/>
      <c r="M225" s="76"/>
      <c r="N225" s="61"/>
      <c r="O225" s="62"/>
    </row>
    <row r="226" spans="2:15">
      <c r="B226" s="74"/>
      <c r="C226" s="40">
        <v>93572</v>
      </c>
      <c r="D226" s="71"/>
      <c r="E226" s="72"/>
      <c r="F226" s="72"/>
      <c r="G226" s="72"/>
      <c r="H226" s="72"/>
      <c r="I226" s="72" t="s">
        <v>222</v>
      </c>
      <c r="J226" s="72"/>
      <c r="K226" s="75"/>
      <c r="L226" s="75"/>
      <c r="M226" s="76"/>
      <c r="N226" s="61"/>
      <c r="O226" s="62"/>
    </row>
    <row r="227" spans="2:15">
      <c r="B227" s="74"/>
      <c r="C227" s="40">
        <v>69061</v>
      </c>
      <c r="D227" s="66"/>
      <c r="E227" s="69"/>
      <c r="F227" s="69"/>
      <c r="G227" s="69"/>
      <c r="H227" s="69" t="s">
        <v>223</v>
      </c>
      <c r="I227" s="68"/>
      <c r="J227" s="69"/>
      <c r="K227" s="75"/>
      <c r="L227" s="75"/>
      <c r="M227" s="76"/>
      <c r="N227" s="61"/>
      <c r="O227" s="62"/>
    </row>
    <row r="228" spans="2:15">
      <c r="B228" s="74"/>
      <c r="C228" s="40">
        <v>93206</v>
      </c>
      <c r="D228" s="66"/>
      <c r="E228" s="69"/>
      <c r="F228" s="69"/>
      <c r="G228" s="69"/>
      <c r="H228" s="69"/>
      <c r="I228" s="69" t="s">
        <v>224</v>
      </c>
      <c r="J228" s="69"/>
      <c r="K228" s="75"/>
      <c r="L228" s="75"/>
      <c r="M228" s="76"/>
      <c r="N228" s="61"/>
      <c r="O228" s="62"/>
    </row>
    <row r="229" spans="2:15">
      <c r="B229" s="74"/>
      <c r="C229" s="40">
        <v>93207</v>
      </c>
      <c r="D229" s="71"/>
      <c r="E229" s="72"/>
      <c r="F229" s="72"/>
      <c r="G229" s="72"/>
      <c r="H229" s="72"/>
      <c r="I229" s="72" t="s">
        <v>472</v>
      </c>
      <c r="J229" s="72"/>
      <c r="K229" s="75"/>
      <c r="L229" s="75"/>
      <c r="M229" s="76"/>
      <c r="N229" s="61"/>
      <c r="O229" s="62"/>
    </row>
    <row r="230" spans="2:15">
      <c r="B230" s="74"/>
      <c r="C230" s="40">
        <v>93209</v>
      </c>
      <c r="D230" s="66"/>
      <c r="E230" s="69"/>
      <c r="F230" s="69"/>
      <c r="G230" s="69"/>
      <c r="H230" s="69"/>
      <c r="I230" s="69" t="s">
        <v>473</v>
      </c>
      <c r="J230" s="69"/>
      <c r="K230" s="75"/>
      <c r="L230" s="75"/>
      <c r="M230" s="76"/>
      <c r="N230" s="61"/>
      <c r="O230" s="62"/>
    </row>
    <row r="231" spans="2:15">
      <c r="B231" s="74"/>
      <c r="C231" s="40">
        <v>97552</v>
      </c>
      <c r="D231" s="71"/>
      <c r="E231" s="72"/>
      <c r="F231" s="72"/>
      <c r="G231" s="72"/>
      <c r="H231" s="72"/>
      <c r="I231" s="72" t="s">
        <v>225</v>
      </c>
      <c r="J231" s="72"/>
      <c r="K231" s="75"/>
      <c r="L231" s="75"/>
      <c r="M231" s="76"/>
      <c r="N231" s="61"/>
      <c r="O231" s="62"/>
    </row>
    <row r="232" spans="2:15">
      <c r="B232" s="74"/>
      <c r="C232" s="40">
        <v>69063</v>
      </c>
      <c r="D232" s="66"/>
      <c r="E232" s="69"/>
      <c r="F232" s="69"/>
      <c r="G232" s="69"/>
      <c r="H232" s="69" t="s">
        <v>226</v>
      </c>
      <c r="I232" s="68"/>
      <c r="J232" s="69"/>
      <c r="K232" s="75"/>
      <c r="L232" s="75"/>
      <c r="M232" s="76"/>
      <c r="N232" s="61"/>
      <c r="O232" s="62"/>
    </row>
    <row r="233" spans="2:15">
      <c r="B233" s="74"/>
      <c r="C233" s="40">
        <v>97668</v>
      </c>
      <c r="D233" s="66"/>
      <c r="E233" s="69"/>
      <c r="F233" s="69"/>
      <c r="G233" s="69"/>
      <c r="H233" s="69"/>
      <c r="I233" s="69" t="s">
        <v>227</v>
      </c>
      <c r="J233" s="69"/>
      <c r="K233" s="75"/>
      <c r="L233" s="75"/>
      <c r="M233" s="76"/>
      <c r="N233" s="61"/>
      <c r="O233" s="62"/>
    </row>
    <row r="234" spans="2:15">
      <c r="B234" s="74"/>
      <c r="C234" s="40">
        <v>84090</v>
      </c>
      <c r="D234" s="71"/>
      <c r="E234" s="72"/>
      <c r="F234" s="72"/>
      <c r="G234" s="72"/>
      <c r="H234" s="72" t="s">
        <v>228</v>
      </c>
      <c r="I234" s="72"/>
      <c r="J234" s="72"/>
      <c r="K234" s="75"/>
      <c r="L234" s="75"/>
      <c r="M234" s="76"/>
      <c r="N234" s="61"/>
      <c r="O234" s="62"/>
    </row>
    <row r="235" spans="2:15">
      <c r="B235" s="74"/>
      <c r="C235" s="40">
        <v>84271</v>
      </c>
      <c r="D235" s="66"/>
      <c r="E235" s="69"/>
      <c r="F235" s="69"/>
      <c r="G235" s="69"/>
      <c r="H235" s="69" t="s">
        <v>229</v>
      </c>
      <c r="I235" s="68"/>
      <c r="J235" s="69"/>
      <c r="K235" s="75"/>
      <c r="L235" s="75"/>
      <c r="M235" s="76"/>
      <c r="N235" s="61"/>
      <c r="O235" s="62"/>
    </row>
    <row r="236" spans="2:15">
      <c r="B236" s="74"/>
      <c r="C236" s="40">
        <v>93218</v>
      </c>
      <c r="D236" s="66"/>
      <c r="E236" s="69"/>
      <c r="F236" s="69"/>
      <c r="G236" s="69"/>
      <c r="H236" s="69"/>
      <c r="I236" s="69" t="s">
        <v>230</v>
      </c>
      <c r="J236" s="69"/>
      <c r="K236" s="75"/>
      <c r="L236" s="75"/>
      <c r="M236" s="76"/>
      <c r="N236" s="61"/>
      <c r="O236" s="62"/>
    </row>
    <row r="237" spans="2:15">
      <c r="B237" s="74"/>
      <c r="C237" s="40">
        <v>93220</v>
      </c>
      <c r="D237" s="71"/>
      <c r="E237" s="72"/>
      <c r="F237" s="72"/>
      <c r="G237" s="72"/>
      <c r="H237" s="72"/>
      <c r="I237" s="72" t="s">
        <v>231</v>
      </c>
      <c r="J237" s="72"/>
      <c r="K237" s="75"/>
      <c r="L237" s="75"/>
      <c r="M237" s="76"/>
      <c r="N237" s="61"/>
      <c r="O237" s="62"/>
    </row>
    <row r="238" spans="2:15">
      <c r="B238" s="74"/>
      <c r="C238" s="40">
        <v>93221</v>
      </c>
      <c r="D238" s="66"/>
      <c r="E238" s="69"/>
      <c r="F238" s="69"/>
      <c r="G238" s="69"/>
      <c r="H238" s="69"/>
      <c r="I238" s="69" t="s">
        <v>232</v>
      </c>
      <c r="J238" s="69"/>
      <c r="K238" s="75"/>
      <c r="L238" s="75"/>
      <c r="M238" s="76"/>
      <c r="N238" s="61"/>
      <c r="O238" s="62"/>
    </row>
    <row r="239" spans="2:15">
      <c r="B239" s="74"/>
      <c r="C239" s="40">
        <v>93222</v>
      </c>
      <c r="D239" s="71"/>
      <c r="E239" s="72"/>
      <c r="F239" s="72"/>
      <c r="G239" s="72"/>
      <c r="H239" s="72"/>
      <c r="I239" s="72" t="s">
        <v>233</v>
      </c>
      <c r="J239" s="72"/>
      <c r="K239" s="75"/>
      <c r="L239" s="75"/>
      <c r="M239" s="76"/>
      <c r="N239" s="61"/>
      <c r="O239" s="62"/>
    </row>
    <row r="240" spans="2:15">
      <c r="B240" s="74"/>
      <c r="C240" s="40">
        <v>97555</v>
      </c>
      <c r="D240" s="66"/>
      <c r="E240" s="69"/>
      <c r="F240" s="69"/>
      <c r="G240" s="69"/>
      <c r="H240" s="69"/>
      <c r="I240" s="69" t="s">
        <v>234</v>
      </c>
      <c r="J240" s="69"/>
      <c r="K240" s="75"/>
      <c r="L240" s="75"/>
      <c r="M240" s="76"/>
      <c r="N240" s="61"/>
      <c r="O240" s="62"/>
    </row>
    <row r="241" spans="2:15">
      <c r="B241" s="74"/>
      <c r="C241" s="40">
        <v>93114</v>
      </c>
      <c r="D241" s="71"/>
      <c r="E241" s="72"/>
      <c r="F241" s="72"/>
      <c r="G241" s="72"/>
      <c r="H241" s="72" t="s">
        <v>235</v>
      </c>
      <c r="I241" s="72"/>
      <c r="J241" s="72"/>
      <c r="K241" s="75"/>
      <c r="L241" s="75"/>
      <c r="M241" s="76"/>
      <c r="N241" s="61"/>
      <c r="O241" s="62"/>
    </row>
    <row r="242" spans="2:15">
      <c r="B242" s="74"/>
      <c r="C242" s="40">
        <v>97556</v>
      </c>
      <c r="D242" s="66"/>
      <c r="E242" s="69"/>
      <c r="F242" s="69"/>
      <c r="G242" s="69"/>
      <c r="H242" s="69" t="s">
        <v>236</v>
      </c>
      <c r="I242" s="68"/>
      <c r="J242" s="69"/>
      <c r="K242" s="75"/>
      <c r="L242" s="75"/>
      <c r="M242" s="76"/>
      <c r="N242" s="61"/>
      <c r="O242" s="62"/>
    </row>
    <row r="243" spans="2:15">
      <c r="B243" s="74"/>
      <c r="C243" s="40">
        <v>839</v>
      </c>
      <c r="D243" s="66"/>
      <c r="E243" s="69"/>
      <c r="F243" s="69"/>
      <c r="G243" s="69"/>
      <c r="H243" s="69"/>
      <c r="I243" s="69" t="s">
        <v>237</v>
      </c>
      <c r="J243" s="69"/>
      <c r="K243" s="75"/>
      <c r="L243" s="75"/>
      <c r="M243" s="76"/>
      <c r="N243" s="61"/>
      <c r="O243" s="62"/>
    </row>
    <row r="244" spans="2:15">
      <c r="B244" s="74"/>
      <c r="C244" s="40">
        <v>306507</v>
      </c>
      <c r="D244" s="71"/>
      <c r="E244" s="72"/>
      <c r="F244" s="72"/>
      <c r="G244" s="72"/>
      <c r="H244" s="72"/>
      <c r="I244" s="72" t="s">
        <v>238</v>
      </c>
      <c r="J244" s="72"/>
      <c r="K244" s="75"/>
      <c r="L244" s="75"/>
      <c r="M244" s="76"/>
      <c r="N244" s="61"/>
      <c r="O244" s="62"/>
    </row>
    <row r="245" spans="2:15">
      <c r="B245" s="74"/>
      <c r="C245" s="40">
        <v>97557</v>
      </c>
      <c r="D245" s="66"/>
      <c r="E245" s="69"/>
      <c r="F245" s="69"/>
      <c r="G245" s="69"/>
      <c r="H245" s="69" t="s">
        <v>239</v>
      </c>
      <c r="I245" s="69"/>
      <c r="J245" s="69"/>
      <c r="K245" s="75"/>
      <c r="L245" s="75"/>
      <c r="M245" s="76"/>
      <c r="N245" s="61"/>
      <c r="O245" s="62"/>
    </row>
    <row r="246" spans="2:15">
      <c r="B246" s="74"/>
      <c r="C246" s="40">
        <v>97560</v>
      </c>
      <c r="D246" s="71"/>
      <c r="E246" s="72"/>
      <c r="F246" s="72"/>
      <c r="G246" s="72"/>
      <c r="H246" s="72" t="s">
        <v>240</v>
      </c>
      <c r="I246" s="72"/>
      <c r="J246" s="72"/>
      <c r="K246" s="75"/>
      <c r="L246" s="75"/>
      <c r="M246" s="76"/>
      <c r="N246" s="61"/>
      <c r="O246" s="62"/>
    </row>
    <row r="247" spans="2:15">
      <c r="B247" s="74"/>
      <c r="C247" s="40">
        <v>163696</v>
      </c>
      <c r="D247" s="66"/>
      <c r="E247" s="69"/>
      <c r="F247" s="69"/>
      <c r="G247" s="69"/>
      <c r="H247" s="69" t="s">
        <v>241</v>
      </c>
      <c r="I247" s="69"/>
      <c r="J247" s="69"/>
      <c r="K247" s="75"/>
      <c r="L247" s="75"/>
      <c r="M247" s="76"/>
      <c r="N247" s="61"/>
      <c r="O247" s="62"/>
    </row>
    <row r="248" spans="2:15">
      <c r="B248" s="74"/>
      <c r="C248" s="40">
        <v>182050</v>
      </c>
      <c r="D248" s="71"/>
      <c r="E248" s="72"/>
      <c r="F248" s="72"/>
      <c r="G248" s="72"/>
      <c r="H248" s="72" t="s">
        <v>242</v>
      </c>
      <c r="I248" s="68"/>
      <c r="J248" s="72"/>
      <c r="K248" s="75"/>
      <c r="L248" s="75"/>
      <c r="M248" s="76"/>
      <c r="N248" s="61"/>
      <c r="O248" s="62"/>
    </row>
    <row r="249" spans="2:15">
      <c r="B249" s="74"/>
      <c r="C249" s="40">
        <v>850</v>
      </c>
      <c r="D249" s="71"/>
      <c r="E249" s="72"/>
      <c r="F249" s="72"/>
      <c r="G249" s="72"/>
      <c r="H249" s="72"/>
      <c r="I249" s="72" t="s">
        <v>243</v>
      </c>
      <c r="J249" s="72"/>
      <c r="K249" s="75"/>
      <c r="L249" s="75"/>
      <c r="M249" s="76"/>
      <c r="N249" s="61"/>
      <c r="O249" s="62"/>
    </row>
    <row r="250" spans="2:15">
      <c r="B250" s="74"/>
      <c r="C250" s="40">
        <v>1984</v>
      </c>
      <c r="D250" s="66"/>
      <c r="E250" s="69"/>
      <c r="F250" s="69"/>
      <c r="G250" s="69"/>
      <c r="H250" s="69"/>
      <c r="I250" s="69" t="s">
        <v>244</v>
      </c>
      <c r="J250" s="69"/>
      <c r="K250" s="75"/>
      <c r="L250" s="75"/>
      <c r="M250" s="76"/>
      <c r="N250" s="61"/>
      <c r="O250" s="62"/>
    </row>
    <row r="251" spans="2:15">
      <c r="B251" s="74"/>
      <c r="C251" s="40">
        <v>1019</v>
      </c>
      <c r="D251" s="71"/>
      <c r="E251" s="72"/>
      <c r="F251" s="72"/>
      <c r="G251" s="72"/>
      <c r="H251" s="72"/>
      <c r="I251" s="72" t="s">
        <v>245</v>
      </c>
      <c r="J251" s="72"/>
      <c r="K251" s="75"/>
      <c r="L251" s="75"/>
      <c r="M251" s="76"/>
      <c r="N251" s="61"/>
      <c r="O251" s="62"/>
    </row>
    <row r="252" spans="2:15">
      <c r="B252" s="74"/>
      <c r="C252" s="40">
        <v>807</v>
      </c>
      <c r="D252" s="66"/>
      <c r="E252" s="69"/>
      <c r="F252" s="69"/>
      <c r="G252" s="69"/>
      <c r="H252" s="69"/>
      <c r="I252" s="69" t="s">
        <v>246</v>
      </c>
      <c r="J252" s="69"/>
      <c r="K252" s="75"/>
      <c r="L252" s="75"/>
      <c r="M252" s="76"/>
      <c r="N252" s="61"/>
      <c r="O252" s="62"/>
    </row>
    <row r="253" spans="2:15">
      <c r="B253" s="74"/>
      <c r="C253" s="40">
        <v>280406</v>
      </c>
      <c r="D253" s="71"/>
      <c r="E253" s="72"/>
      <c r="F253" s="72"/>
      <c r="G253" s="72"/>
      <c r="H253" s="72" t="s">
        <v>247</v>
      </c>
      <c r="I253" s="72"/>
      <c r="J253" s="72"/>
      <c r="K253" s="75"/>
      <c r="L253" s="75"/>
      <c r="M253" s="76"/>
      <c r="N253" s="61"/>
      <c r="O253" s="62"/>
    </row>
    <row r="254" spans="2:15">
      <c r="B254" s="74"/>
      <c r="C254" s="40">
        <v>280569</v>
      </c>
      <c r="D254" s="66"/>
      <c r="E254" s="69"/>
      <c r="F254" s="69"/>
      <c r="G254" s="69"/>
      <c r="H254" s="69" t="s">
        <v>248</v>
      </c>
      <c r="I254" s="69"/>
      <c r="J254" s="69"/>
      <c r="K254" s="75"/>
      <c r="L254" s="75"/>
      <c r="M254" s="76"/>
      <c r="N254" s="61"/>
      <c r="O254" s="62"/>
    </row>
    <row r="255" spans="2:15">
      <c r="B255" s="74"/>
      <c r="C255" s="40">
        <v>93573</v>
      </c>
      <c r="D255" s="71"/>
      <c r="E255" s="72"/>
      <c r="F255" s="72" t="s">
        <v>249</v>
      </c>
      <c r="G255" s="68"/>
      <c r="H255" s="68"/>
      <c r="I255" s="72"/>
      <c r="J255" s="72"/>
      <c r="K255" s="75"/>
      <c r="L255" s="75"/>
      <c r="M255" s="76"/>
      <c r="N255" s="61"/>
      <c r="O255" s="62"/>
    </row>
    <row r="256" spans="2:15">
      <c r="B256" s="74"/>
      <c r="C256" s="40">
        <v>2134</v>
      </c>
      <c r="D256" s="71"/>
      <c r="E256" s="72"/>
      <c r="F256" s="72"/>
      <c r="G256" s="72" t="s">
        <v>250</v>
      </c>
      <c r="H256" s="68"/>
      <c r="I256" s="72"/>
      <c r="J256" s="72"/>
      <c r="K256" s="75"/>
      <c r="L256" s="75"/>
      <c r="M256" s="76"/>
      <c r="N256" s="61"/>
      <c r="O256" s="62"/>
    </row>
    <row r="257" spans="2:15">
      <c r="B257" s="74"/>
      <c r="C257" s="40">
        <v>93575</v>
      </c>
      <c r="D257" s="71"/>
      <c r="E257" s="72"/>
      <c r="F257" s="72"/>
      <c r="G257" s="72"/>
      <c r="H257" s="72" t="s">
        <v>251</v>
      </c>
      <c r="I257" s="72"/>
      <c r="J257" s="72"/>
      <c r="K257" s="75"/>
      <c r="L257" s="75"/>
      <c r="M257" s="76"/>
      <c r="N257" s="61"/>
      <c r="O257" s="62"/>
    </row>
    <row r="258" spans="2:15">
      <c r="B258" s="74"/>
      <c r="C258" s="40">
        <v>93576</v>
      </c>
      <c r="D258" s="66"/>
      <c r="E258" s="69"/>
      <c r="F258" s="69"/>
      <c r="G258" s="69"/>
      <c r="H258" s="69" t="s">
        <v>252</v>
      </c>
      <c r="I258" s="69"/>
      <c r="J258" s="69"/>
      <c r="K258" s="75"/>
      <c r="L258" s="75"/>
      <c r="M258" s="76"/>
      <c r="N258" s="61"/>
      <c r="O258" s="62"/>
    </row>
    <row r="259" spans="2:15">
      <c r="B259" s="74"/>
      <c r="C259" s="40">
        <v>93578</v>
      </c>
      <c r="D259" s="71"/>
      <c r="E259" s="72"/>
      <c r="F259" s="72"/>
      <c r="G259" s="72"/>
      <c r="H259" s="72" t="s">
        <v>253</v>
      </c>
      <c r="I259" s="72"/>
      <c r="J259" s="72"/>
      <c r="K259" s="75"/>
      <c r="L259" s="75"/>
      <c r="M259" s="76"/>
      <c r="N259" s="61"/>
      <c r="O259" s="62"/>
    </row>
    <row r="260" spans="2:15">
      <c r="B260" s="74"/>
      <c r="C260" s="40">
        <v>93579</v>
      </c>
      <c r="D260" s="66"/>
      <c r="E260" s="69"/>
      <c r="F260" s="69"/>
      <c r="G260" s="69"/>
      <c r="H260" s="69" t="s">
        <v>254</v>
      </c>
      <c r="I260" s="69"/>
      <c r="J260" s="69"/>
      <c r="K260" s="75"/>
      <c r="L260" s="75"/>
      <c r="M260" s="76"/>
      <c r="N260" s="61"/>
      <c r="O260" s="62"/>
    </row>
    <row r="261" spans="2:15">
      <c r="B261" s="74"/>
      <c r="C261" s="40">
        <v>93580</v>
      </c>
      <c r="D261" s="71"/>
      <c r="E261" s="72"/>
      <c r="F261" s="72"/>
      <c r="G261" s="72"/>
      <c r="H261" s="72" t="s">
        <v>255</v>
      </c>
      <c r="I261" s="72"/>
      <c r="J261" s="72"/>
      <c r="K261" s="75"/>
      <c r="L261" s="75"/>
      <c r="M261" s="76"/>
      <c r="N261" s="61"/>
      <c r="O261" s="62"/>
    </row>
    <row r="262" spans="2:15">
      <c r="B262" s="74"/>
      <c r="C262" s="40">
        <v>93581</v>
      </c>
      <c r="D262" s="66"/>
      <c r="E262" s="69"/>
      <c r="F262" s="69"/>
      <c r="G262" s="69"/>
      <c r="H262" s="69" t="s">
        <v>256</v>
      </c>
      <c r="I262" s="69"/>
      <c r="J262" s="69"/>
      <c r="K262" s="75"/>
      <c r="L262" s="75"/>
      <c r="M262" s="76"/>
      <c r="N262" s="61"/>
      <c r="O262" s="62"/>
    </row>
    <row r="263" spans="2:15">
      <c r="B263" s="74"/>
      <c r="C263" s="40">
        <v>217023</v>
      </c>
      <c r="D263" s="71"/>
      <c r="E263" s="72"/>
      <c r="F263" s="72"/>
      <c r="G263" s="72"/>
      <c r="H263" s="72" t="s">
        <v>257</v>
      </c>
      <c r="I263" s="72"/>
      <c r="J263" s="72"/>
      <c r="K263" s="75"/>
      <c r="L263" s="75"/>
      <c r="M263" s="76"/>
      <c r="N263" s="61"/>
      <c r="O263" s="62"/>
    </row>
    <row r="264" spans="2:15">
      <c r="B264" s="74"/>
      <c r="C264" s="40">
        <v>2170</v>
      </c>
      <c r="D264" s="66"/>
      <c r="E264" s="69"/>
      <c r="F264" s="69"/>
      <c r="G264" s="69" t="s">
        <v>258</v>
      </c>
      <c r="H264" s="69"/>
      <c r="I264" s="69"/>
      <c r="J264" s="69"/>
      <c r="K264" s="75"/>
      <c r="L264" s="75"/>
      <c r="M264" s="76"/>
      <c r="N264" s="61"/>
      <c r="O264" s="62"/>
    </row>
    <row r="265" spans="2:15">
      <c r="B265" s="74"/>
      <c r="C265" s="40">
        <v>54057</v>
      </c>
      <c r="D265" s="71"/>
      <c r="E265" s="72"/>
      <c r="F265" s="72"/>
      <c r="G265" s="72" t="s">
        <v>259</v>
      </c>
      <c r="H265" s="68"/>
      <c r="I265" s="72"/>
      <c r="J265" s="72"/>
      <c r="K265" s="75"/>
      <c r="L265" s="75"/>
      <c r="M265" s="76"/>
      <c r="N265" s="61"/>
      <c r="O265" s="62"/>
    </row>
    <row r="266" spans="2:15">
      <c r="B266" s="74"/>
      <c r="C266" s="40">
        <v>93583</v>
      </c>
      <c r="D266" s="71"/>
      <c r="E266" s="72"/>
      <c r="F266" s="72"/>
      <c r="G266" s="72"/>
      <c r="H266" s="72" t="s">
        <v>260</v>
      </c>
      <c r="I266" s="72"/>
      <c r="J266" s="72"/>
      <c r="K266" s="75"/>
      <c r="L266" s="75"/>
      <c r="M266" s="76"/>
      <c r="N266" s="61"/>
      <c r="O266" s="62"/>
    </row>
    <row r="267" spans="2:15">
      <c r="B267" s="74"/>
      <c r="C267" s="40">
        <v>93585</v>
      </c>
      <c r="D267" s="66"/>
      <c r="E267" s="69"/>
      <c r="F267" s="69"/>
      <c r="G267" s="69"/>
      <c r="H267" s="69" t="s">
        <v>261</v>
      </c>
      <c r="I267" s="69"/>
      <c r="J267" s="69"/>
      <c r="K267" s="75"/>
      <c r="L267" s="75"/>
      <c r="M267" s="76"/>
      <c r="N267" s="61"/>
      <c r="O267" s="62"/>
    </row>
    <row r="268" spans="2:15">
      <c r="B268" s="74"/>
      <c r="C268" s="40">
        <v>90038</v>
      </c>
      <c r="D268" s="71"/>
      <c r="E268" s="72"/>
      <c r="F268" s="72"/>
      <c r="G268" s="72" t="s">
        <v>262</v>
      </c>
      <c r="H268" s="72"/>
      <c r="I268" s="72"/>
      <c r="J268" s="72"/>
      <c r="K268" s="75"/>
      <c r="L268" s="75"/>
      <c r="M268" s="76"/>
      <c r="N268" s="61"/>
      <c r="O268" s="62"/>
    </row>
    <row r="269" spans="2:15">
      <c r="B269" s="74"/>
      <c r="C269" s="40">
        <v>93552</v>
      </c>
      <c r="D269" s="66"/>
      <c r="E269" s="69"/>
      <c r="F269" s="69"/>
      <c r="G269" s="69" t="s">
        <v>200</v>
      </c>
      <c r="H269" s="69"/>
      <c r="I269" s="69"/>
      <c r="J269" s="69"/>
      <c r="K269" s="75"/>
      <c r="L269" s="75"/>
      <c r="M269" s="76"/>
      <c r="N269" s="61"/>
      <c r="O269" s="62"/>
    </row>
    <row r="270" spans="2:15">
      <c r="B270" s="74"/>
      <c r="C270" s="40">
        <v>93553</v>
      </c>
      <c r="D270" s="71"/>
      <c r="E270" s="72"/>
      <c r="F270" s="72"/>
      <c r="G270" s="72" t="s">
        <v>201</v>
      </c>
      <c r="H270" s="72"/>
      <c r="I270" s="72"/>
      <c r="J270" s="72"/>
      <c r="K270" s="75"/>
      <c r="L270" s="75"/>
      <c r="M270" s="76"/>
      <c r="N270" s="61"/>
      <c r="O270" s="62"/>
    </row>
    <row r="271" spans="2:15">
      <c r="B271" s="74"/>
      <c r="C271" s="40">
        <v>93587</v>
      </c>
      <c r="D271" s="66"/>
      <c r="E271" s="69"/>
      <c r="F271" s="69" t="s">
        <v>263</v>
      </c>
      <c r="G271" s="68"/>
      <c r="H271" s="69"/>
      <c r="I271" s="69"/>
      <c r="J271" s="69"/>
      <c r="K271" s="75"/>
      <c r="L271" s="75"/>
      <c r="M271" s="76"/>
      <c r="N271" s="61"/>
      <c r="O271" s="62"/>
    </row>
    <row r="272" spans="2:15">
      <c r="B272" s="74"/>
      <c r="C272" s="40">
        <v>731</v>
      </c>
      <c r="D272" s="66"/>
      <c r="E272" s="69"/>
      <c r="F272" s="69"/>
      <c r="G272" s="69" t="s">
        <v>264</v>
      </c>
      <c r="H272" s="69"/>
      <c r="I272" s="69"/>
      <c r="J272" s="69"/>
      <c r="K272" s="75"/>
      <c r="L272" s="75"/>
      <c r="M272" s="76"/>
      <c r="N272" s="61"/>
      <c r="O272" s="62"/>
    </row>
    <row r="273" spans="2:15">
      <c r="B273" s="74"/>
      <c r="C273" s="40">
        <v>892</v>
      </c>
      <c r="D273" s="71"/>
      <c r="E273" s="72"/>
      <c r="F273" s="72"/>
      <c r="G273" s="72" t="s">
        <v>265</v>
      </c>
      <c r="H273" s="72"/>
      <c r="I273" s="72"/>
      <c r="J273" s="72"/>
      <c r="K273" s="75"/>
      <c r="L273" s="75"/>
      <c r="M273" s="76"/>
      <c r="N273" s="61"/>
      <c r="O273" s="62"/>
    </row>
    <row r="274" spans="2:15">
      <c r="B274" s="74"/>
      <c r="C274" s="40">
        <v>564</v>
      </c>
      <c r="D274" s="66"/>
      <c r="E274" s="69"/>
      <c r="F274" s="69"/>
      <c r="G274" s="69" t="s">
        <v>73</v>
      </c>
      <c r="H274" s="69"/>
      <c r="I274" s="69"/>
      <c r="J274" s="69"/>
      <c r="K274" s="75"/>
      <c r="L274" s="75"/>
      <c r="M274" s="76"/>
      <c r="N274" s="61"/>
      <c r="O274" s="62"/>
    </row>
    <row r="275" spans="2:15">
      <c r="B275" s="74"/>
      <c r="C275" s="40">
        <v>2318</v>
      </c>
      <c r="D275" s="71"/>
      <c r="E275" s="72"/>
      <c r="F275" s="72"/>
      <c r="G275" s="72" t="s">
        <v>266</v>
      </c>
      <c r="H275" s="72"/>
      <c r="I275" s="72"/>
      <c r="J275" s="72"/>
      <c r="K275" s="75"/>
      <c r="L275" s="75"/>
      <c r="M275" s="76"/>
      <c r="N275" s="61"/>
      <c r="O275" s="62"/>
    </row>
    <row r="276" spans="2:15">
      <c r="B276" s="74"/>
      <c r="C276" s="40">
        <v>805</v>
      </c>
      <c r="D276" s="66"/>
      <c r="E276" s="69"/>
      <c r="F276" s="69"/>
      <c r="G276" s="69" t="s">
        <v>267</v>
      </c>
      <c r="H276" s="69"/>
      <c r="I276" s="69"/>
      <c r="J276" s="69"/>
      <c r="K276" s="75"/>
      <c r="L276" s="75"/>
      <c r="M276" s="76"/>
      <c r="N276" s="61"/>
      <c r="O276" s="62"/>
    </row>
    <row r="277" spans="2:15">
      <c r="B277" s="74"/>
      <c r="C277" s="40">
        <v>1396</v>
      </c>
      <c r="D277" s="71"/>
      <c r="E277" s="72"/>
      <c r="F277" s="72"/>
      <c r="G277" s="72" t="s">
        <v>88</v>
      </c>
      <c r="H277" s="72"/>
      <c r="I277" s="72"/>
      <c r="J277" s="72"/>
      <c r="K277" s="75"/>
      <c r="L277" s="75"/>
      <c r="M277" s="76"/>
      <c r="N277" s="61"/>
      <c r="O277" s="62"/>
    </row>
    <row r="278" spans="2:15">
      <c r="B278" s="74"/>
      <c r="C278" s="40">
        <v>3156</v>
      </c>
      <c r="D278" s="66"/>
      <c r="E278" s="69"/>
      <c r="F278" s="69"/>
      <c r="G278" s="69" t="s">
        <v>268</v>
      </c>
      <c r="H278" s="69"/>
      <c r="I278" s="69"/>
      <c r="J278" s="69"/>
      <c r="K278" s="75"/>
      <c r="L278" s="75"/>
      <c r="M278" s="76"/>
      <c r="N278" s="61"/>
      <c r="O278" s="62"/>
    </row>
    <row r="279" spans="2:15">
      <c r="B279" s="74"/>
      <c r="C279" s="40">
        <v>2666</v>
      </c>
      <c r="D279" s="71"/>
      <c r="E279" s="72"/>
      <c r="F279" s="72"/>
      <c r="G279" s="72" t="s">
        <v>269</v>
      </c>
      <c r="H279" s="72"/>
      <c r="I279" s="72"/>
      <c r="J279" s="72"/>
      <c r="K279" s="75"/>
      <c r="L279" s="75"/>
      <c r="M279" s="76"/>
      <c r="N279" s="61"/>
      <c r="O279" s="62"/>
    </row>
    <row r="280" spans="2:15">
      <c r="B280" s="74"/>
      <c r="C280" s="40">
        <v>655</v>
      </c>
      <c r="D280" s="66"/>
      <c r="E280" s="69"/>
      <c r="F280" s="69"/>
      <c r="G280" s="69" t="s">
        <v>270</v>
      </c>
      <c r="H280" s="68"/>
      <c r="I280" s="69"/>
      <c r="J280" s="69"/>
      <c r="K280" s="75"/>
      <c r="L280" s="75"/>
      <c r="M280" s="76"/>
      <c r="N280" s="61"/>
      <c r="O280" s="62"/>
    </row>
    <row r="281" spans="2:15">
      <c r="B281" s="74"/>
      <c r="C281" s="40">
        <v>93589</v>
      </c>
      <c r="D281" s="66"/>
      <c r="E281" s="69"/>
      <c r="F281" s="69"/>
      <c r="G281" s="69"/>
      <c r="H281" s="69" t="s">
        <v>271</v>
      </c>
      <c r="I281" s="69"/>
      <c r="J281" s="69"/>
      <c r="K281" s="75"/>
      <c r="L281" s="75"/>
      <c r="M281" s="76"/>
      <c r="N281" s="61"/>
      <c r="O281" s="62"/>
    </row>
    <row r="282" spans="2:15">
      <c r="B282" s="74"/>
      <c r="C282" s="40">
        <v>93591</v>
      </c>
      <c r="D282" s="71"/>
      <c r="E282" s="72"/>
      <c r="F282" s="72"/>
      <c r="G282" s="72"/>
      <c r="H282" s="72" t="s">
        <v>272</v>
      </c>
      <c r="I282" s="72"/>
      <c r="J282" s="72"/>
      <c r="K282" s="75"/>
      <c r="L282" s="75"/>
      <c r="M282" s="76"/>
      <c r="N282" s="61"/>
      <c r="O282" s="62"/>
    </row>
    <row r="283" spans="2:15">
      <c r="B283" s="74"/>
      <c r="C283" s="40">
        <v>93592</v>
      </c>
      <c r="D283" s="66"/>
      <c r="E283" s="69"/>
      <c r="F283" s="69"/>
      <c r="G283" s="69"/>
      <c r="H283" s="69" t="s">
        <v>273</v>
      </c>
      <c r="I283" s="69"/>
      <c r="J283" s="69"/>
      <c r="K283" s="75"/>
      <c r="L283" s="75"/>
      <c r="M283" s="76"/>
      <c r="N283" s="61"/>
      <c r="O283" s="62"/>
    </row>
    <row r="284" spans="2:15">
      <c r="B284" s="74"/>
      <c r="C284" s="40">
        <v>34149</v>
      </c>
      <c r="D284" s="71"/>
      <c r="E284" s="72"/>
      <c r="F284" s="72"/>
      <c r="G284" s="72" t="s">
        <v>274</v>
      </c>
      <c r="H284" s="68"/>
      <c r="I284" s="72"/>
      <c r="J284" s="72"/>
      <c r="K284" s="75"/>
      <c r="L284" s="75"/>
      <c r="M284" s="76"/>
      <c r="N284" s="61"/>
      <c r="O284" s="62"/>
    </row>
    <row r="285" spans="2:15">
      <c r="B285" s="74"/>
      <c r="C285" s="40">
        <v>88949</v>
      </c>
      <c r="D285" s="71"/>
      <c r="E285" s="72"/>
      <c r="F285" s="72"/>
      <c r="G285" s="72"/>
      <c r="H285" s="72" t="s">
        <v>275</v>
      </c>
      <c r="I285" s="72"/>
      <c r="J285" s="72"/>
      <c r="K285" s="75"/>
      <c r="L285" s="75"/>
      <c r="M285" s="76"/>
      <c r="N285" s="61"/>
      <c r="O285" s="62"/>
    </row>
    <row r="286" spans="2:15">
      <c r="B286" s="74"/>
      <c r="C286" s="40">
        <v>88950</v>
      </c>
      <c r="D286" s="66"/>
      <c r="E286" s="69"/>
      <c r="F286" s="69"/>
      <c r="G286" s="69"/>
      <c r="H286" s="69" t="s">
        <v>276</v>
      </c>
      <c r="I286" s="69"/>
      <c r="J286" s="69"/>
      <c r="K286" s="75"/>
      <c r="L286" s="75"/>
      <c r="M286" s="76"/>
      <c r="N286" s="61"/>
      <c r="O286" s="62"/>
    </row>
    <row r="287" spans="2:15">
      <c r="B287" s="74"/>
      <c r="C287" s="40">
        <v>79118</v>
      </c>
      <c r="D287" s="71"/>
      <c r="E287" s="72"/>
      <c r="F287" s="72"/>
      <c r="G287" s="72" t="s">
        <v>277</v>
      </c>
      <c r="H287" s="72"/>
      <c r="I287" s="72"/>
      <c r="J287" s="72"/>
      <c r="K287" s="75"/>
      <c r="L287" s="75"/>
      <c r="M287" s="76"/>
      <c r="N287" s="61"/>
      <c r="O287" s="62"/>
    </row>
    <row r="288" spans="2:15">
      <c r="B288" s="74"/>
      <c r="C288" s="40">
        <v>84081</v>
      </c>
      <c r="D288" s="66"/>
      <c r="E288" s="69"/>
      <c r="F288" s="69"/>
      <c r="G288" s="69" t="s">
        <v>278</v>
      </c>
      <c r="H288" s="69"/>
      <c r="I288" s="69"/>
      <c r="J288" s="69"/>
      <c r="K288" s="75"/>
      <c r="L288" s="75"/>
      <c r="M288" s="76"/>
      <c r="N288" s="61"/>
      <c r="O288" s="62"/>
    </row>
    <row r="289" spans="2:15">
      <c r="B289" s="74"/>
      <c r="C289" s="40">
        <v>88924</v>
      </c>
      <c r="D289" s="71"/>
      <c r="E289" s="72"/>
      <c r="F289" s="72"/>
      <c r="G289" s="72" t="s">
        <v>279</v>
      </c>
      <c r="H289" s="72"/>
      <c r="I289" s="72"/>
      <c r="J289" s="72"/>
      <c r="K289" s="75"/>
      <c r="L289" s="75"/>
      <c r="M289" s="76"/>
      <c r="N289" s="61"/>
      <c r="O289" s="62"/>
    </row>
    <row r="290" spans="2:15">
      <c r="B290" s="74"/>
      <c r="C290" s="40">
        <v>140976</v>
      </c>
      <c r="D290" s="66"/>
      <c r="E290" s="69"/>
      <c r="F290" s="69"/>
      <c r="G290" s="69" t="s">
        <v>280</v>
      </c>
      <c r="H290" s="69"/>
      <c r="I290" s="69"/>
      <c r="J290" s="69"/>
      <c r="K290" s="75"/>
      <c r="L290" s="75"/>
      <c r="M290" s="76"/>
      <c r="N290" s="61"/>
      <c r="O290" s="62"/>
    </row>
    <row r="291" spans="2:15">
      <c r="B291" s="74"/>
      <c r="C291" s="40">
        <v>209886</v>
      </c>
      <c r="D291" s="71"/>
      <c r="E291" s="72"/>
      <c r="F291" s="72"/>
      <c r="G291" s="72" t="s">
        <v>281</v>
      </c>
      <c r="H291" s="72"/>
      <c r="I291" s="72"/>
      <c r="J291" s="72"/>
      <c r="K291" s="75"/>
      <c r="L291" s="75"/>
      <c r="M291" s="76"/>
      <c r="N291" s="61"/>
      <c r="O291" s="62"/>
    </row>
    <row r="292" spans="2:15">
      <c r="B292" s="74"/>
      <c r="C292" s="40">
        <v>220497</v>
      </c>
      <c r="D292" s="66"/>
      <c r="E292" s="69"/>
      <c r="F292" s="69"/>
      <c r="G292" s="69" t="s">
        <v>282</v>
      </c>
      <c r="H292" s="69"/>
      <c r="I292" s="69"/>
      <c r="J292" s="69"/>
      <c r="K292" s="75"/>
      <c r="L292" s="75"/>
      <c r="M292" s="76"/>
      <c r="N292" s="61"/>
      <c r="O292" s="62"/>
    </row>
    <row r="293" spans="2:15">
      <c r="B293" s="74"/>
      <c r="C293" s="40">
        <v>93593</v>
      </c>
      <c r="D293" s="71"/>
      <c r="E293" s="72"/>
      <c r="F293" s="72" t="s">
        <v>283</v>
      </c>
      <c r="G293" s="68"/>
      <c r="H293" s="72"/>
      <c r="I293" s="72"/>
      <c r="J293" s="72"/>
      <c r="K293" s="75"/>
      <c r="L293" s="75"/>
      <c r="M293" s="76"/>
      <c r="N293" s="61"/>
      <c r="O293" s="62"/>
    </row>
    <row r="294" spans="2:15">
      <c r="B294" s="74"/>
      <c r="C294" s="40">
        <v>213</v>
      </c>
      <c r="D294" s="71"/>
      <c r="E294" s="72"/>
      <c r="F294" s="72"/>
      <c r="G294" s="72" t="s">
        <v>284</v>
      </c>
      <c r="H294" s="72"/>
      <c r="I294" s="72"/>
      <c r="J294" s="72"/>
      <c r="K294" s="75"/>
      <c r="L294" s="75"/>
      <c r="M294" s="76"/>
      <c r="N294" s="61"/>
      <c r="O294" s="62"/>
    </row>
    <row r="295" spans="2:15">
      <c r="B295" s="74"/>
      <c r="C295" s="40">
        <v>324</v>
      </c>
      <c r="D295" s="66"/>
      <c r="E295" s="69"/>
      <c r="F295" s="69"/>
      <c r="G295" s="69" t="s">
        <v>285</v>
      </c>
      <c r="H295" s="69"/>
      <c r="I295" s="69"/>
      <c r="J295" s="69"/>
      <c r="K295" s="75"/>
      <c r="L295" s="75"/>
      <c r="M295" s="76"/>
      <c r="N295" s="61"/>
      <c r="O295" s="62"/>
    </row>
    <row r="296" spans="2:15">
      <c r="B296" s="74"/>
      <c r="C296" s="40">
        <v>905</v>
      </c>
      <c r="D296" s="71"/>
      <c r="E296" s="72"/>
      <c r="F296" s="72"/>
      <c r="G296" s="72" t="s">
        <v>286</v>
      </c>
      <c r="H296" s="72"/>
      <c r="I296" s="72"/>
      <c r="J296" s="72"/>
      <c r="K296" s="75"/>
      <c r="L296" s="75"/>
      <c r="M296" s="76"/>
      <c r="N296" s="61"/>
      <c r="O296" s="62"/>
    </row>
    <row r="297" spans="2:15">
      <c r="B297" s="74"/>
      <c r="C297" s="40">
        <v>60</v>
      </c>
      <c r="D297" s="66"/>
      <c r="E297" s="69"/>
      <c r="F297" s="69"/>
      <c r="G297" s="69" t="s">
        <v>287</v>
      </c>
      <c r="H297" s="69"/>
      <c r="I297" s="69"/>
      <c r="J297" s="69"/>
      <c r="K297" s="75"/>
      <c r="L297" s="75"/>
      <c r="M297" s="76"/>
      <c r="N297" s="61"/>
      <c r="O297" s="62"/>
    </row>
    <row r="298" spans="2:15">
      <c r="B298" s="74"/>
      <c r="C298" s="40">
        <v>912</v>
      </c>
      <c r="D298" s="71"/>
      <c r="E298" s="72"/>
      <c r="F298" s="72"/>
      <c r="G298" s="72" t="s">
        <v>288</v>
      </c>
      <c r="H298" s="72"/>
      <c r="I298" s="72"/>
      <c r="J298" s="72"/>
      <c r="K298" s="75"/>
      <c r="L298" s="75"/>
      <c r="M298" s="76"/>
      <c r="N298" s="61"/>
      <c r="O298" s="62"/>
    </row>
    <row r="299" spans="2:15">
      <c r="B299" s="74"/>
      <c r="C299" s="40">
        <v>352</v>
      </c>
      <c r="D299" s="66"/>
      <c r="E299" s="69"/>
      <c r="F299" s="69"/>
      <c r="G299" s="69" t="s">
        <v>289</v>
      </c>
      <c r="H299" s="68"/>
      <c r="I299" s="69"/>
      <c r="J299" s="69"/>
      <c r="K299" s="75"/>
      <c r="L299" s="75"/>
      <c r="M299" s="76"/>
      <c r="N299" s="61"/>
      <c r="O299" s="62"/>
    </row>
    <row r="300" spans="2:15">
      <c r="B300" s="74"/>
      <c r="C300" s="40">
        <v>79237</v>
      </c>
      <c r="D300" s="66"/>
      <c r="E300" s="69"/>
      <c r="F300" s="69"/>
      <c r="G300" s="69"/>
      <c r="H300" s="69" t="s">
        <v>290</v>
      </c>
      <c r="I300" s="69"/>
      <c r="J300" s="69"/>
      <c r="K300" s="75"/>
      <c r="L300" s="75"/>
      <c r="M300" s="76"/>
      <c r="N300" s="61"/>
      <c r="O300" s="62"/>
    </row>
    <row r="301" spans="2:15">
      <c r="B301" s="74"/>
      <c r="C301" s="40">
        <v>79238</v>
      </c>
      <c r="D301" s="71"/>
      <c r="E301" s="72"/>
      <c r="F301" s="72"/>
      <c r="G301" s="72"/>
      <c r="H301" s="72" t="s">
        <v>291</v>
      </c>
      <c r="I301" s="68"/>
      <c r="J301" s="72"/>
      <c r="K301" s="75"/>
      <c r="L301" s="75"/>
      <c r="M301" s="76"/>
      <c r="N301" s="61"/>
      <c r="O301" s="62"/>
    </row>
    <row r="302" spans="2:15">
      <c r="B302" s="74"/>
      <c r="C302" s="40">
        <v>308473</v>
      </c>
      <c r="D302" s="71"/>
      <c r="E302" s="72"/>
      <c r="F302" s="72"/>
      <c r="G302" s="72"/>
      <c r="H302" s="72"/>
      <c r="I302" s="72" t="s">
        <v>292</v>
      </c>
      <c r="J302" s="72"/>
      <c r="K302" s="75"/>
      <c r="L302" s="75"/>
      <c r="M302" s="76"/>
      <c r="N302" s="61"/>
      <c r="O302" s="62"/>
    </row>
    <row r="303" spans="2:15">
      <c r="B303" s="74"/>
      <c r="C303" s="40">
        <v>308487</v>
      </c>
      <c r="D303" s="66"/>
      <c r="E303" s="69"/>
      <c r="F303" s="69"/>
      <c r="G303" s="69"/>
      <c r="H303" s="69"/>
      <c r="I303" s="69" t="s">
        <v>293</v>
      </c>
      <c r="J303" s="69"/>
      <c r="K303" s="75"/>
      <c r="L303" s="75"/>
      <c r="M303" s="76"/>
      <c r="N303" s="61"/>
      <c r="O303" s="62"/>
    </row>
    <row r="304" spans="2:15">
      <c r="B304" s="74"/>
      <c r="C304" s="40">
        <v>79239</v>
      </c>
      <c r="D304" s="71"/>
      <c r="E304" s="72"/>
      <c r="F304" s="72"/>
      <c r="G304" s="72"/>
      <c r="H304" s="72" t="s">
        <v>294</v>
      </c>
      <c r="I304" s="72"/>
      <c r="J304" s="72"/>
      <c r="K304" s="75"/>
      <c r="L304" s="75"/>
      <c r="M304" s="76"/>
      <c r="N304" s="61"/>
      <c r="O304" s="62"/>
    </row>
    <row r="305" spans="2:15">
      <c r="B305" s="74"/>
      <c r="C305" s="40">
        <v>2116</v>
      </c>
      <c r="D305" s="66"/>
      <c r="E305" s="69"/>
      <c r="F305" s="69"/>
      <c r="G305" s="69" t="s">
        <v>295</v>
      </c>
      <c r="H305" s="69"/>
      <c r="I305" s="69"/>
      <c r="J305" s="69"/>
      <c r="K305" s="75"/>
      <c r="L305" s="75"/>
      <c r="M305" s="76"/>
      <c r="N305" s="61"/>
      <c r="O305" s="62"/>
    </row>
    <row r="306" spans="2:15">
      <c r="B306" s="74"/>
      <c r="C306" s="40">
        <v>469</v>
      </c>
      <c r="D306" s="71"/>
      <c r="E306" s="72"/>
      <c r="F306" s="72"/>
      <c r="G306" s="72" t="s">
        <v>296</v>
      </c>
      <c r="H306" s="72"/>
      <c r="I306" s="72"/>
      <c r="J306" s="72"/>
      <c r="K306" s="75"/>
      <c r="L306" s="75"/>
      <c r="M306" s="76"/>
      <c r="N306" s="61"/>
      <c r="O306" s="62"/>
    </row>
    <row r="307" spans="2:15">
      <c r="B307" s="74"/>
      <c r="C307" s="40">
        <v>3390</v>
      </c>
      <c r="D307" s="66"/>
      <c r="E307" s="69"/>
      <c r="F307" s="69"/>
      <c r="G307" s="69" t="s">
        <v>297</v>
      </c>
      <c r="H307" s="69"/>
      <c r="I307" s="69"/>
      <c r="J307" s="69"/>
      <c r="K307" s="75"/>
      <c r="L307" s="75"/>
      <c r="M307" s="76"/>
      <c r="N307" s="61"/>
      <c r="O307" s="62"/>
    </row>
    <row r="308" spans="2:15">
      <c r="B308" s="74"/>
      <c r="C308" s="40">
        <v>364</v>
      </c>
      <c r="D308" s="71"/>
      <c r="E308" s="72"/>
      <c r="F308" s="72"/>
      <c r="G308" s="72" t="s">
        <v>298</v>
      </c>
      <c r="H308" s="68"/>
      <c r="I308" s="72"/>
      <c r="J308" s="72"/>
      <c r="K308" s="75"/>
      <c r="L308" s="75"/>
      <c r="M308" s="76"/>
      <c r="N308" s="61"/>
      <c r="O308" s="62"/>
    </row>
    <row r="309" spans="2:15">
      <c r="B309" s="74"/>
      <c r="C309" s="40">
        <v>79258</v>
      </c>
      <c r="D309" s="71"/>
      <c r="E309" s="72"/>
      <c r="F309" s="72"/>
      <c r="G309" s="72"/>
      <c r="H309" s="72" t="s">
        <v>299</v>
      </c>
      <c r="I309" s="72"/>
      <c r="J309" s="72"/>
      <c r="K309" s="75"/>
      <c r="L309" s="75"/>
      <c r="M309" s="76"/>
      <c r="N309" s="61"/>
      <c r="O309" s="62"/>
    </row>
    <row r="310" spans="2:15">
      <c r="B310" s="74"/>
      <c r="C310" s="40">
        <v>79259</v>
      </c>
      <c r="D310" s="66"/>
      <c r="E310" s="69"/>
      <c r="F310" s="69"/>
      <c r="G310" s="69"/>
      <c r="H310" s="69" t="s">
        <v>300</v>
      </c>
      <c r="I310" s="69"/>
      <c r="J310" s="69"/>
      <c r="K310" s="75"/>
      <c r="L310" s="75"/>
      <c r="M310" s="76"/>
      <c r="N310" s="61"/>
      <c r="O310" s="62"/>
    </row>
    <row r="311" spans="2:15">
      <c r="B311" s="74"/>
      <c r="C311" s="40">
        <v>738</v>
      </c>
      <c r="D311" s="71"/>
      <c r="E311" s="72"/>
      <c r="F311" s="72"/>
      <c r="G311" s="72" t="s">
        <v>301</v>
      </c>
      <c r="H311" s="68"/>
      <c r="I311" s="72"/>
      <c r="J311" s="72"/>
      <c r="K311" s="75"/>
      <c r="L311" s="75"/>
      <c r="M311" s="76"/>
      <c r="N311" s="61"/>
      <c r="O311" s="62"/>
    </row>
    <row r="312" spans="2:15">
      <c r="B312" s="74"/>
      <c r="C312" s="40">
        <v>79277</v>
      </c>
      <c r="D312" s="71"/>
      <c r="E312" s="72"/>
      <c r="F312" s="72"/>
      <c r="G312" s="72"/>
      <c r="H312" s="72" t="s">
        <v>302</v>
      </c>
      <c r="I312" s="72"/>
      <c r="J312" s="72"/>
      <c r="K312" s="75"/>
      <c r="L312" s="75"/>
      <c r="M312" s="76"/>
      <c r="N312" s="61"/>
      <c r="O312" s="62"/>
    </row>
    <row r="313" spans="2:15">
      <c r="B313" s="74"/>
      <c r="C313" s="40">
        <v>79278</v>
      </c>
      <c r="D313" s="66"/>
      <c r="E313" s="69"/>
      <c r="F313" s="69"/>
      <c r="G313" s="69"/>
      <c r="H313" s="69" t="s">
        <v>303</v>
      </c>
      <c r="I313" s="69"/>
      <c r="J313" s="69"/>
      <c r="K313" s="75"/>
      <c r="L313" s="75"/>
      <c r="M313" s="76"/>
      <c r="N313" s="61"/>
      <c r="O313" s="62"/>
    </row>
    <row r="314" spans="2:15">
      <c r="B314" s="74"/>
      <c r="C314" s="40">
        <v>95157</v>
      </c>
      <c r="D314" s="71"/>
      <c r="E314" s="72"/>
      <c r="F314" s="72"/>
      <c r="G314" s="72"/>
      <c r="H314" s="72" t="s">
        <v>304</v>
      </c>
      <c r="I314" s="68"/>
      <c r="J314" s="72"/>
      <c r="K314" s="75"/>
      <c r="L314" s="75"/>
      <c r="M314" s="76"/>
      <c r="N314" s="61"/>
      <c r="O314" s="62"/>
    </row>
    <row r="315" spans="2:15">
      <c r="B315" s="74"/>
      <c r="C315" s="40">
        <v>79273</v>
      </c>
      <c r="D315" s="71"/>
      <c r="E315" s="72"/>
      <c r="F315" s="72"/>
      <c r="G315" s="72"/>
      <c r="H315" s="72"/>
      <c r="I315" s="72" t="s">
        <v>305</v>
      </c>
      <c r="J315" s="72"/>
      <c r="K315" s="75"/>
      <c r="L315" s="75"/>
      <c r="M315" s="76"/>
      <c r="N315" s="61"/>
      <c r="O315" s="62"/>
    </row>
    <row r="316" spans="2:15">
      <c r="B316" s="74"/>
      <c r="C316" s="40">
        <v>79276</v>
      </c>
      <c r="D316" s="66"/>
      <c r="E316" s="69"/>
      <c r="F316" s="69"/>
      <c r="G316" s="69"/>
      <c r="H316" s="69"/>
      <c r="I316" s="69" t="s">
        <v>306</v>
      </c>
      <c r="J316" s="69"/>
      <c r="K316" s="75"/>
      <c r="L316" s="75"/>
      <c r="M316" s="76"/>
      <c r="N316" s="61"/>
      <c r="O316" s="62"/>
    </row>
    <row r="317" spans="2:15">
      <c r="B317" s="74"/>
      <c r="C317" s="40">
        <v>79473</v>
      </c>
      <c r="D317" s="71"/>
      <c r="E317" s="72"/>
      <c r="F317" s="72"/>
      <c r="G317" s="72"/>
      <c r="H317" s="72"/>
      <c r="I317" s="72" t="s">
        <v>307</v>
      </c>
      <c r="J317" s="72"/>
      <c r="K317" s="75"/>
      <c r="L317" s="75"/>
      <c r="M317" s="76"/>
      <c r="N317" s="61"/>
      <c r="O317" s="62"/>
    </row>
    <row r="318" spans="2:15">
      <c r="B318" s="74"/>
      <c r="C318" s="40">
        <v>100924</v>
      </c>
      <c r="D318" s="66"/>
      <c r="E318" s="69"/>
      <c r="F318" s="69"/>
      <c r="G318" s="69"/>
      <c r="H318" s="69"/>
      <c r="I318" s="69" t="s">
        <v>308</v>
      </c>
      <c r="J318" s="69"/>
      <c r="K318" s="75"/>
      <c r="L318" s="75"/>
      <c r="M318" s="76"/>
      <c r="N318" s="61"/>
      <c r="O318" s="62"/>
    </row>
    <row r="319" spans="2:15">
      <c r="B319" s="74"/>
      <c r="C319" s="40">
        <v>95161</v>
      </c>
      <c r="D319" s="71"/>
      <c r="E319" s="72"/>
      <c r="F319" s="72"/>
      <c r="G319" s="72"/>
      <c r="H319" s="72" t="s">
        <v>309</v>
      </c>
      <c r="I319" s="68"/>
      <c r="J319" s="72"/>
      <c r="K319" s="75"/>
      <c r="L319" s="75"/>
      <c r="M319" s="76"/>
      <c r="N319" s="61"/>
      <c r="O319" s="62"/>
    </row>
    <row r="320" spans="2:15">
      <c r="B320" s="74"/>
      <c r="C320" s="40">
        <v>95159</v>
      </c>
      <c r="D320" s="71"/>
      <c r="E320" s="72"/>
      <c r="F320" s="72"/>
      <c r="G320" s="72"/>
      <c r="H320" s="72"/>
      <c r="I320" s="72" t="s">
        <v>310</v>
      </c>
      <c r="J320" s="72"/>
      <c r="K320" s="75"/>
      <c r="L320" s="75"/>
      <c r="M320" s="76"/>
      <c r="N320" s="61"/>
      <c r="O320" s="62"/>
    </row>
    <row r="321" spans="2:15">
      <c r="B321" s="74"/>
      <c r="C321" s="40">
        <v>101330</v>
      </c>
      <c r="D321" s="66"/>
      <c r="E321" s="69"/>
      <c r="F321" s="69"/>
      <c r="G321" s="69"/>
      <c r="H321" s="69"/>
      <c r="I321" s="69" t="s">
        <v>311</v>
      </c>
      <c r="J321" s="69"/>
      <c r="K321" s="75"/>
      <c r="L321" s="75"/>
      <c r="M321" s="76"/>
      <c r="N321" s="61"/>
      <c r="O321" s="62"/>
    </row>
    <row r="322" spans="2:15">
      <c r="B322" s="74"/>
      <c r="C322" s="40">
        <v>280379</v>
      </c>
      <c r="D322" s="71"/>
      <c r="E322" s="72"/>
      <c r="F322" s="72"/>
      <c r="G322" s="72"/>
      <c r="H322" s="72" t="s">
        <v>312</v>
      </c>
      <c r="I322" s="72"/>
      <c r="J322" s="72"/>
      <c r="K322" s="75"/>
      <c r="L322" s="75"/>
      <c r="M322" s="76"/>
      <c r="N322" s="61"/>
      <c r="O322" s="62"/>
    </row>
    <row r="323" spans="2:15">
      <c r="B323" s="74"/>
      <c r="C323" s="40">
        <v>3467</v>
      </c>
      <c r="D323" s="66"/>
      <c r="E323" s="69"/>
      <c r="F323" s="69"/>
      <c r="G323" s="69" t="s">
        <v>313</v>
      </c>
      <c r="H323" s="68"/>
      <c r="I323" s="69"/>
      <c r="J323" s="69"/>
      <c r="K323" s="75"/>
      <c r="L323" s="75"/>
      <c r="M323" s="76"/>
      <c r="N323" s="61"/>
      <c r="O323" s="62"/>
    </row>
    <row r="324" spans="2:15">
      <c r="B324" s="74"/>
      <c r="C324" s="40">
        <v>93601</v>
      </c>
      <c r="D324" s="66"/>
      <c r="E324" s="69"/>
      <c r="F324" s="69"/>
      <c r="G324" s="69"/>
      <c r="H324" s="69" t="s">
        <v>314</v>
      </c>
      <c r="I324" s="69"/>
      <c r="J324" s="69"/>
      <c r="K324" s="75"/>
      <c r="L324" s="75"/>
      <c r="M324" s="76"/>
      <c r="N324" s="61"/>
      <c r="O324" s="62"/>
    </row>
    <row r="325" spans="2:15">
      <c r="B325" s="74"/>
      <c r="C325" s="40">
        <v>93602</v>
      </c>
      <c r="D325" s="71"/>
      <c r="E325" s="72"/>
      <c r="F325" s="72"/>
      <c r="G325" s="72"/>
      <c r="H325" s="72" t="s">
        <v>315</v>
      </c>
      <c r="I325" s="72"/>
      <c r="J325" s="72"/>
      <c r="K325" s="75"/>
      <c r="L325" s="75"/>
      <c r="M325" s="76"/>
      <c r="N325" s="61"/>
      <c r="O325" s="62"/>
    </row>
    <row r="326" spans="2:15">
      <c r="B326" s="74"/>
      <c r="C326" s="40">
        <v>976</v>
      </c>
      <c r="D326" s="66"/>
      <c r="E326" s="69"/>
      <c r="F326" s="69"/>
      <c r="G326" s="69" t="s">
        <v>316</v>
      </c>
      <c r="H326" s="69"/>
      <c r="I326" s="69"/>
      <c r="J326" s="69"/>
      <c r="K326" s="75"/>
      <c r="L326" s="75"/>
      <c r="M326" s="76"/>
      <c r="N326" s="61"/>
      <c r="O326" s="62"/>
    </row>
    <row r="327" spans="2:15">
      <c r="B327" s="74"/>
      <c r="C327" s="40">
        <v>650</v>
      </c>
      <c r="D327" s="71"/>
      <c r="E327" s="72"/>
      <c r="F327" s="72"/>
      <c r="G327" s="72" t="s">
        <v>317</v>
      </c>
      <c r="H327" s="68"/>
      <c r="I327" s="72"/>
      <c r="J327" s="72"/>
      <c r="K327" s="75"/>
      <c r="L327" s="75"/>
      <c r="M327" s="76"/>
      <c r="N327" s="61"/>
      <c r="O327" s="62"/>
    </row>
    <row r="328" spans="2:15">
      <c r="B328" s="74"/>
      <c r="C328" s="40">
        <v>79292</v>
      </c>
      <c r="D328" s="71"/>
      <c r="E328" s="72"/>
      <c r="F328" s="72"/>
      <c r="G328" s="72"/>
      <c r="H328" s="72" t="s">
        <v>318</v>
      </c>
      <c r="I328" s="72"/>
      <c r="J328" s="72"/>
      <c r="K328" s="75"/>
      <c r="L328" s="75"/>
      <c r="M328" s="76"/>
      <c r="N328" s="61"/>
      <c r="O328" s="62"/>
    </row>
    <row r="329" spans="2:15">
      <c r="B329" s="74"/>
      <c r="C329" s="40">
        <v>79293</v>
      </c>
      <c r="D329" s="66"/>
      <c r="E329" s="69"/>
      <c r="F329" s="69"/>
      <c r="G329" s="69"/>
      <c r="H329" s="69" t="s">
        <v>319</v>
      </c>
      <c r="I329" s="69"/>
      <c r="J329" s="69"/>
      <c r="K329" s="75"/>
      <c r="L329" s="75"/>
      <c r="M329" s="76"/>
      <c r="N329" s="61"/>
      <c r="O329" s="62"/>
    </row>
    <row r="330" spans="2:15">
      <c r="B330" s="74"/>
      <c r="C330" s="40">
        <v>27</v>
      </c>
      <c r="D330" s="71"/>
      <c r="E330" s="72"/>
      <c r="F330" s="72"/>
      <c r="G330" s="72" t="s">
        <v>320</v>
      </c>
      <c r="H330" s="72"/>
      <c r="I330" s="72"/>
      <c r="J330" s="72"/>
      <c r="K330" s="75"/>
      <c r="L330" s="75"/>
      <c r="M330" s="76"/>
      <c r="N330" s="61"/>
      <c r="O330" s="62"/>
    </row>
    <row r="331" spans="2:15">
      <c r="B331" s="74"/>
      <c r="C331" s="40">
        <v>1031</v>
      </c>
      <c r="D331" s="66"/>
      <c r="E331" s="69"/>
      <c r="F331" s="69"/>
      <c r="G331" s="69" t="s">
        <v>321</v>
      </c>
      <c r="H331" s="69"/>
      <c r="I331" s="69"/>
      <c r="J331" s="69"/>
      <c r="K331" s="75"/>
      <c r="L331" s="75"/>
      <c r="M331" s="76"/>
      <c r="N331" s="61"/>
      <c r="O331" s="62"/>
    </row>
    <row r="332" spans="2:15">
      <c r="B332" s="74"/>
      <c r="C332" s="40">
        <v>3222</v>
      </c>
      <c r="D332" s="71"/>
      <c r="E332" s="72"/>
      <c r="F332" s="72"/>
      <c r="G332" s="72" t="s">
        <v>322</v>
      </c>
      <c r="H332" s="72"/>
      <c r="I332" s="72"/>
      <c r="J332" s="72"/>
      <c r="K332" s="75"/>
      <c r="L332" s="75"/>
      <c r="M332" s="76"/>
      <c r="N332" s="61"/>
      <c r="O332" s="62"/>
    </row>
    <row r="333" spans="2:15">
      <c r="B333" s="74"/>
      <c r="C333" s="40">
        <v>28</v>
      </c>
      <c r="D333" s="66"/>
      <c r="E333" s="69"/>
      <c r="F333" s="69"/>
      <c r="G333" s="69" t="s">
        <v>323</v>
      </c>
      <c r="H333" s="68"/>
      <c r="I333" s="69"/>
      <c r="J333" s="69"/>
      <c r="K333" s="75"/>
      <c r="L333" s="75"/>
      <c r="M333" s="76"/>
      <c r="N333" s="61"/>
      <c r="O333" s="62"/>
    </row>
    <row r="334" spans="2:15">
      <c r="B334" s="74"/>
      <c r="C334" s="40">
        <v>79310</v>
      </c>
      <c r="D334" s="66"/>
      <c r="E334" s="69"/>
      <c r="F334" s="69"/>
      <c r="G334" s="69"/>
      <c r="H334" s="69" t="s">
        <v>324</v>
      </c>
      <c r="I334" s="69"/>
      <c r="J334" s="69"/>
      <c r="K334" s="75"/>
      <c r="L334" s="75"/>
      <c r="M334" s="76"/>
      <c r="N334" s="61"/>
      <c r="O334" s="62"/>
    </row>
    <row r="335" spans="2:15">
      <c r="B335" s="74"/>
      <c r="C335" s="40">
        <v>79311</v>
      </c>
      <c r="D335" s="71"/>
      <c r="E335" s="72"/>
      <c r="F335" s="72"/>
      <c r="G335" s="72"/>
      <c r="H335" s="72" t="s">
        <v>325</v>
      </c>
      <c r="I335" s="72"/>
      <c r="J335" s="72"/>
      <c r="K335" s="75"/>
      <c r="L335" s="75"/>
      <c r="M335" s="76"/>
      <c r="N335" s="61"/>
      <c r="O335" s="62"/>
    </row>
    <row r="336" spans="2:15">
      <c r="B336" s="74"/>
      <c r="C336" s="40">
        <v>79312</v>
      </c>
      <c r="D336" s="66"/>
      <c r="E336" s="69"/>
      <c r="F336" s="69"/>
      <c r="G336" s="69"/>
      <c r="H336" s="69" t="s">
        <v>326</v>
      </c>
      <c r="I336" s="69"/>
      <c r="J336" s="69"/>
      <c r="K336" s="75"/>
      <c r="L336" s="75"/>
      <c r="M336" s="76"/>
      <c r="N336" s="61"/>
      <c r="O336" s="62"/>
    </row>
    <row r="337" spans="2:15">
      <c r="B337" s="74"/>
      <c r="C337" s="40">
        <v>882</v>
      </c>
      <c r="D337" s="71"/>
      <c r="E337" s="72"/>
      <c r="F337" s="72"/>
      <c r="G337" s="72" t="s">
        <v>330</v>
      </c>
      <c r="H337" s="72"/>
      <c r="I337" s="72"/>
      <c r="J337" s="72"/>
      <c r="K337" s="75"/>
      <c r="L337" s="75"/>
      <c r="M337" s="76"/>
      <c r="N337" s="61"/>
      <c r="O337" s="62"/>
    </row>
    <row r="338" spans="2:15">
      <c r="B338" s="74"/>
      <c r="C338" s="40">
        <v>2088</v>
      </c>
      <c r="D338" s="66"/>
      <c r="E338" s="69"/>
      <c r="F338" s="69"/>
      <c r="G338" s="69" t="s">
        <v>327</v>
      </c>
      <c r="H338" s="69"/>
      <c r="I338" s="69"/>
      <c r="J338" s="69"/>
      <c r="K338" s="75"/>
      <c r="L338" s="75"/>
      <c r="M338" s="76"/>
      <c r="N338" s="61"/>
      <c r="O338" s="62"/>
    </row>
    <row r="339" spans="2:15">
      <c r="B339" s="74"/>
      <c r="C339" s="40">
        <v>416</v>
      </c>
      <c r="D339" s="71"/>
      <c r="E339" s="72"/>
      <c r="F339" s="72"/>
      <c r="G339" s="72" t="s">
        <v>331</v>
      </c>
      <c r="H339" s="68"/>
      <c r="I339" s="72"/>
      <c r="J339" s="72"/>
      <c r="K339" s="75"/>
      <c r="L339" s="75"/>
      <c r="M339" s="76"/>
      <c r="N339" s="61"/>
      <c r="O339" s="62"/>
    </row>
    <row r="340" spans="2:15">
      <c r="B340" s="74"/>
      <c r="C340" s="40">
        <v>93598</v>
      </c>
      <c r="D340" s="71"/>
      <c r="E340" s="72"/>
      <c r="F340" s="72"/>
      <c r="G340" s="72"/>
      <c r="H340" s="72" t="s">
        <v>329</v>
      </c>
      <c r="I340" s="72"/>
      <c r="J340" s="72"/>
      <c r="K340" s="75"/>
      <c r="L340" s="75"/>
      <c r="M340" s="76"/>
      <c r="N340" s="61"/>
      <c r="O340" s="62"/>
    </row>
    <row r="341" spans="2:15">
      <c r="B341" s="74"/>
      <c r="C341" s="40">
        <v>93599</v>
      </c>
      <c r="D341" s="66"/>
      <c r="E341" s="69"/>
      <c r="F341" s="69"/>
      <c r="G341" s="69"/>
      <c r="H341" s="69" t="s">
        <v>328</v>
      </c>
      <c r="I341" s="69"/>
      <c r="J341" s="69"/>
      <c r="K341" s="75"/>
      <c r="L341" s="75"/>
      <c r="M341" s="76"/>
      <c r="N341" s="61"/>
      <c r="O341" s="62"/>
    </row>
    <row r="342" spans="2:15">
      <c r="B342" s="74"/>
      <c r="C342" s="40">
        <v>93600</v>
      </c>
      <c r="D342" s="71"/>
      <c r="E342" s="72"/>
      <c r="F342" s="72"/>
      <c r="G342" s="72"/>
      <c r="H342" s="72" t="s">
        <v>332</v>
      </c>
      <c r="I342" s="72"/>
      <c r="J342" s="72"/>
      <c r="K342" s="75"/>
      <c r="L342" s="75"/>
      <c r="M342" s="76"/>
      <c r="N342" s="61"/>
      <c r="O342" s="62"/>
    </row>
    <row r="343" spans="2:15">
      <c r="B343" s="74"/>
      <c r="C343" s="40">
        <v>137</v>
      </c>
      <c r="D343" s="66"/>
      <c r="E343" s="69"/>
      <c r="F343" s="69"/>
      <c r="G343" s="69" t="s">
        <v>333</v>
      </c>
      <c r="H343" s="68"/>
      <c r="I343" s="69"/>
      <c r="J343" s="69"/>
      <c r="K343" s="75"/>
      <c r="L343" s="75"/>
      <c r="M343" s="76"/>
      <c r="N343" s="61"/>
      <c r="O343" s="62"/>
    </row>
    <row r="344" spans="2:15">
      <c r="B344" s="74"/>
      <c r="C344" s="40">
        <v>79318</v>
      </c>
      <c r="D344" s="66"/>
      <c r="E344" s="69"/>
      <c r="F344" s="69"/>
      <c r="G344" s="69"/>
      <c r="H344" s="69" t="s">
        <v>334</v>
      </c>
      <c r="I344" s="69"/>
      <c r="J344" s="69"/>
      <c r="K344" s="75"/>
      <c r="L344" s="75"/>
      <c r="M344" s="76"/>
      <c r="N344" s="61"/>
      <c r="O344" s="62"/>
    </row>
    <row r="345" spans="2:15">
      <c r="B345" s="74"/>
      <c r="C345" s="40">
        <v>79328</v>
      </c>
      <c r="D345" s="71"/>
      <c r="E345" s="72"/>
      <c r="F345" s="72"/>
      <c r="G345" s="72"/>
      <c r="H345" s="72" t="s">
        <v>335</v>
      </c>
      <c r="I345" s="72"/>
      <c r="J345" s="72"/>
      <c r="K345" s="75"/>
      <c r="L345" s="75"/>
      <c r="M345" s="76"/>
      <c r="N345" s="61"/>
      <c r="O345" s="62"/>
    </row>
    <row r="346" spans="2:15">
      <c r="B346" s="74"/>
      <c r="C346" s="40">
        <v>238459</v>
      </c>
      <c r="D346" s="66"/>
      <c r="E346" s="69"/>
      <c r="F346" s="69"/>
      <c r="G346" s="69"/>
      <c r="H346" s="69" t="s">
        <v>336</v>
      </c>
      <c r="I346" s="69"/>
      <c r="J346" s="69"/>
      <c r="K346" s="75"/>
      <c r="L346" s="75"/>
      <c r="M346" s="76"/>
      <c r="N346" s="61"/>
      <c r="O346" s="62"/>
    </row>
    <row r="347" spans="2:15">
      <c r="B347" s="74"/>
      <c r="C347" s="40">
        <v>35858</v>
      </c>
      <c r="D347" s="71"/>
      <c r="E347" s="72"/>
      <c r="F347" s="72"/>
      <c r="G347" s="72" t="s">
        <v>337</v>
      </c>
      <c r="H347" s="72"/>
      <c r="I347" s="72"/>
      <c r="J347" s="72"/>
      <c r="K347" s="75"/>
      <c r="L347" s="75"/>
      <c r="M347" s="76"/>
      <c r="N347" s="61"/>
      <c r="O347" s="62"/>
    </row>
    <row r="348" spans="2:15">
      <c r="B348" s="74"/>
      <c r="C348" s="40">
        <v>69076</v>
      </c>
      <c r="D348" s="66"/>
      <c r="E348" s="69"/>
      <c r="F348" s="69"/>
      <c r="G348" s="69" t="s">
        <v>338</v>
      </c>
      <c r="H348" s="69"/>
      <c r="I348" s="69"/>
      <c r="J348" s="69"/>
      <c r="K348" s="75"/>
      <c r="L348" s="75"/>
      <c r="M348" s="76"/>
      <c r="N348" s="61"/>
      <c r="O348" s="62"/>
    </row>
    <row r="349" spans="2:15">
      <c r="B349" s="74"/>
      <c r="C349" s="40">
        <v>87876</v>
      </c>
      <c r="D349" s="71"/>
      <c r="E349" s="72"/>
      <c r="F349" s="72"/>
      <c r="G349" s="72" t="s">
        <v>339</v>
      </c>
      <c r="H349" s="68"/>
      <c r="I349" s="72"/>
      <c r="J349" s="72"/>
      <c r="K349" s="75"/>
      <c r="L349" s="75"/>
      <c r="M349" s="76"/>
      <c r="N349" s="61"/>
      <c r="O349" s="62"/>
    </row>
    <row r="350" spans="2:15">
      <c r="B350" s="74"/>
      <c r="C350" s="40">
        <v>93399</v>
      </c>
      <c r="D350" s="71"/>
      <c r="E350" s="72"/>
      <c r="F350" s="72"/>
      <c r="G350" s="72"/>
      <c r="H350" s="72" t="s">
        <v>340</v>
      </c>
      <c r="I350" s="72"/>
      <c r="J350" s="72"/>
      <c r="K350" s="75"/>
      <c r="L350" s="75"/>
      <c r="M350" s="76"/>
      <c r="N350" s="61"/>
      <c r="O350" s="62"/>
    </row>
    <row r="351" spans="2:15">
      <c r="B351" s="74"/>
      <c r="C351" s="40">
        <v>93400</v>
      </c>
      <c r="D351" s="66"/>
      <c r="E351" s="69"/>
      <c r="F351" s="69"/>
      <c r="G351" s="69"/>
      <c r="H351" s="69" t="s">
        <v>341</v>
      </c>
      <c r="I351" s="69"/>
      <c r="J351" s="69"/>
      <c r="K351" s="75"/>
      <c r="L351" s="75"/>
      <c r="M351" s="76"/>
      <c r="N351" s="61"/>
      <c r="O351" s="62"/>
    </row>
    <row r="352" spans="2:15">
      <c r="B352" s="74"/>
      <c r="C352" s="40">
        <v>206428</v>
      </c>
      <c r="D352" s="71"/>
      <c r="E352" s="72"/>
      <c r="F352" s="72"/>
      <c r="G352" s="72" t="s">
        <v>342</v>
      </c>
      <c r="H352" s="68"/>
      <c r="I352" s="72"/>
      <c r="J352" s="72"/>
      <c r="K352" s="75"/>
      <c r="L352" s="75"/>
      <c r="M352" s="76"/>
      <c r="N352" s="61"/>
      <c r="O352" s="62"/>
    </row>
    <row r="353" spans="2:15">
      <c r="B353" s="74"/>
      <c r="C353" s="40">
        <v>510</v>
      </c>
      <c r="D353" s="71"/>
      <c r="E353" s="72"/>
      <c r="F353" s="72"/>
      <c r="G353" s="72"/>
      <c r="H353" s="72" t="s">
        <v>343</v>
      </c>
      <c r="I353" s="72"/>
      <c r="J353" s="72"/>
      <c r="K353" s="75"/>
      <c r="L353" s="75"/>
      <c r="M353" s="76"/>
      <c r="N353" s="61"/>
      <c r="O353" s="62"/>
    </row>
    <row r="354" spans="2:15">
      <c r="B354" s="74"/>
      <c r="C354" s="40">
        <v>79233</v>
      </c>
      <c r="D354" s="66"/>
      <c r="E354" s="69"/>
      <c r="F354" s="69"/>
      <c r="G354" s="69"/>
      <c r="H354" s="69" t="s">
        <v>344</v>
      </c>
      <c r="I354" s="69"/>
      <c r="J354" s="69"/>
      <c r="K354" s="75"/>
      <c r="L354" s="75"/>
      <c r="M354" s="76"/>
      <c r="N354" s="61"/>
      <c r="O354" s="62"/>
    </row>
    <row r="355" spans="2:15">
      <c r="B355" s="74"/>
      <c r="C355" s="40">
        <v>247794</v>
      </c>
      <c r="D355" s="71"/>
      <c r="E355" s="72"/>
      <c r="F355" s="72"/>
      <c r="G355" s="72" t="s">
        <v>345</v>
      </c>
      <c r="H355" s="72"/>
      <c r="I355" s="72"/>
      <c r="J355" s="72"/>
      <c r="K355" s="75"/>
      <c r="L355" s="75"/>
      <c r="M355" s="76"/>
      <c r="N355" s="61"/>
      <c r="O355" s="62"/>
    </row>
    <row r="356" spans="2:15">
      <c r="B356" s="74"/>
      <c r="C356" s="40">
        <v>300547</v>
      </c>
      <c r="D356" s="66"/>
      <c r="E356" s="69"/>
      <c r="F356" s="69"/>
      <c r="G356" s="69" t="s">
        <v>346</v>
      </c>
      <c r="H356" s="69"/>
      <c r="I356" s="69"/>
      <c r="J356" s="69"/>
      <c r="K356" s="75"/>
      <c r="L356" s="75"/>
      <c r="M356" s="76"/>
      <c r="N356" s="61"/>
      <c r="O356" s="62"/>
    </row>
    <row r="357" spans="2:15">
      <c r="B357" s="74"/>
      <c r="C357" s="40">
        <v>93603</v>
      </c>
      <c r="D357" s="71"/>
      <c r="E357" s="72"/>
      <c r="F357" s="72" t="s">
        <v>347</v>
      </c>
      <c r="G357" s="68"/>
      <c r="H357" s="72"/>
      <c r="I357" s="72"/>
      <c r="J357" s="72"/>
      <c r="K357" s="75"/>
      <c r="L357" s="75"/>
      <c r="M357" s="76"/>
      <c r="N357" s="61"/>
      <c r="O357" s="62"/>
    </row>
    <row r="358" spans="2:15">
      <c r="B358" s="74"/>
      <c r="C358" s="40">
        <v>3337</v>
      </c>
      <c r="D358" s="71"/>
      <c r="E358" s="72"/>
      <c r="F358" s="72"/>
      <c r="G358" s="72" t="s">
        <v>348</v>
      </c>
      <c r="H358" s="72"/>
      <c r="I358" s="72"/>
      <c r="J358" s="72"/>
      <c r="K358" s="75"/>
      <c r="L358" s="75"/>
      <c r="M358" s="76"/>
      <c r="N358" s="61"/>
      <c r="O358" s="62"/>
    </row>
    <row r="359" spans="2:15">
      <c r="B359" s="74"/>
      <c r="C359" s="40">
        <v>756</v>
      </c>
      <c r="D359" s="66"/>
      <c r="E359" s="69"/>
      <c r="F359" s="69"/>
      <c r="G359" s="69" t="s">
        <v>349</v>
      </c>
      <c r="H359" s="68"/>
      <c r="I359" s="69"/>
      <c r="J359" s="69"/>
      <c r="K359" s="75"/>
      <c r="L359" s="75"/>
      <c r="M359" s="76"/>
      <c r="N359" s="61"/>
      <c r="O359" s="62"/>
    </row>
    <row r="360" spans="2:15">
      <c r="B360" s="74"/>
      <c r="C360" s="40">
        <v>171871</v>
      </c>
      <c r="D360" s="66"/>
      <c r="E360" s="69"/>
      <c r="F360" s="69"/>
      <c r="G360" s="69"/>
      <c r="H360" s="69" t="s">
        <v>350</v>
      </c>
      <c r="I360" s="69"/>
      <c r="J360" s="69"/>
      <c r="K360" s="75"/>
      <c r="L360" s="75"/>
      <c r="M360" s="76"/>
      <c r="N360" s="61"/>
      <c r="O360" s="62"/>
    </row>
    <row r="361" spans="2:15">
      <c r="B361" s="74"/>
      <c r="C361" s="40">
        <v>171876</v>
      </c>
      <c r="D361" s="71"/>
      <c r="E361" s="72"/>
      <c r="F361" s="72"/>
      <c r="G361" s="72"/>
      <c r="H361" s="72" t="s">
        <v>351</v>
      </c>
      <c r="I361" s="72"/>
      <c r="J361" s="72"/>
      <c r="K361" s="75"/>
      <c r="L361" s="75"/>
      <c r="M361" s="76"/>
      <c r="N361" s="61"/>
      <c r="O361" s="62"/>
    </row>
    <row r="362" spans="2:15">
      <c r="B362" s="74"/>
      <c r="C362" s="40">
        <v>34526</v>
      </c>
      <c r="D362" s="66"/>
      <c r="E362" s="69"/>
      <c r="F362" s="69"/>
      <c r="G362" s="69" t="s">
        <v>352</v>
      </c>
      <c r="H362" s="68"/>
      <c r="I362" s="68"/>
      <c r="J362" s="69"/>
      <c r="K362" s="75"/>
      <c r="L362" s="75"/>
      <c r="M362" s="76"/>
      <c r="N362" s="61"/>
      <c r="O362" s="62"/>
    </row>
    <row r="363" spans="2:15">
      <c r="B363" s="74"/>
      <c r="C363" s="40">
        <v>306516</v>
      </c>
      <c r="D363" s="66"/>
      <c r="E363" s="69"/>
      <c r="F363" s="69"/>
      <c r="G363" s="69"/>
      <c r="H363" s="69" t="s">
        <v>353</v>
      </c>
      <c r="I363" s="68"/>
      <c r="J363" s="69"/>
      <c r="K363" s="75"/>
      <c r="L363" s="75"/>
      <c r="M363" s="76"/>
      <c r="N363" s="61"/>
      <c r="O363" s="62"/>
    </row>
    <row r="364" spans="2:15">
      <c r="B364" s="74"/>
      <c r="C364" s="40">
        <v>2196</v>
      </c>
      <c r="D364" s="66"/>
      <c r="E364" s="69"/>
      <c r="F364" s="69"/>
      <c r="G364" s="69"/>
      <c r="H364" s="69"/>
      <c r="I364" s="69" t="s">
        <v>354</v>
      </c>
      <c r="J364" s="69"/>
      <c r="K364" s="75"/>
      <c r="L364" s="75"/>
      <c r="M364" s="76"/>
      <c r="N364" s="61"/>
      <c r="O364" s="62"/>
    </row>
    <row r="365" spans="2:15">
      <c r="B365" s="74"/>
      <c r="C365" s="40">
        <v>31043</v>
      </c>
      <c r="D365" s="71"/>
      <c r="E365" s="72"/>
      <c r="F365" s="72"/>
      <c r="G365" s="72"/>
      <c r="H365" s="72"/>
      <c r="I365" s="72" t="s">
        <v>355</v>
      </c>
      <c r="J365" s="72"/>
      <c r="K365" s="75"/>
      <c r="L365" s="75"/>
      <c r="M365" s="76"/>
      <c r="N365" s="61"/>
      <c r="O365" s="62"/>
    </row>
    <row r="366" spans="2:15">
      <c r="B366" s="74"/>
      <c r="C366" s="40">
        <v>306519</v>
      </c>
      <c r="D366" s="66"/>
      <c r="E366" s="69"/>
      <c r="F366" s="69"/>
      <c r="G366" s="69"/>
      <c r="H366" s="69" t="s">
        <v>356</v>
      </c>
      <c r="I366" s="68"/>
      <c r="J366" s="69"/>
      <c r="K366" s="75"/>
      <c r="L366" s="75"/>
      <c r="M366" s="76"/>
      <c r="N366" s="61"/>
      <c r="O366" s="62"/>
    </row>
    <row r="367" spans="2:15">
      <c r="B367" s="74"/>
      <c r="C367" s="40">
        <v>358</v>
      </c>
      <c r="D367" s="66"/>
      <c r="E367" s="69"/>
      <c r="F367" s="69"/>
      <c r="G367" s="69"/>
      <c r="H367" s="69"/>
      <c r="I367" s="69" t="s">
        <v>357</v>
      </c>
      <c r="J367" s="69"/>
      <c r="K367" s="75"/>
      <c r="L367" s="75"/>
      <c r="M367" s="76"/>
      <c r="N367" s="61"/>
      <c r="O367" s="62"/>
    </row>
    <row r="368" spans="2:15">
      <c r="B368" s="74"/>
      <c r="C368" s="40">
        <v>34528</v>
      </c>
      <c r="D368" s="71"/>
      <c r="E368" s="72"/>
      <c r="F368" s="72"/>
      <c r="G368" s="72"/>
      <c r="H368" s="72"/>
      <c r="I368" s="72" t="s">
        <v>358</v>
      </c>
      <c r="J368" s="72"/>
      <c r="K368" s="75"/>
      <c r="L368" s="75"/>
      <c r="M368" s="76"/>
      <c r="N368" s="61"/>
      <c r="O368" s="62"/>
    </row>
    <row r="369" spans="2:15">
      <c r="B369" s="74"/>
      <c r="C369" s="40">
        <v>306522</v>
      </c>
      <c r="D369" s="66"/>
      <c r="E369" s="69"/>
      <c r="F369" s="69"/>
      <c r="G369" s="69"/>
      <c r="H369" s="69" t="s">
        <v>359</v>
      </c>
      <c r="I369" s="68"/>
      <c r="J369" s="69"/>
      <c r="K369" s="75"/>
      <c r="L369" s="75"/>
      <c r="M369" s="76"/>
      <c r="N369" s="61"/>
      <c r="O369" s="62"/>
    </row>
    <row r="370" spans="2:15">
      <c r="B370" s="74"/>
      <c r="C370" s="40">
        <v>30924</v>
      </c>
      <c r="D370" s="66"/>
      <c r="E370" s="69"/>
      <c r="F370" s="69"/>
      <c r="G370" s="69"/>
      <c r="H370" s="69"/>
      <c r="I370" s="69" t="s">
        <v>360</v>
      </c>
      <c r="J370" s="69"/>
      <c r="K370" s="75"/>
      <c r="L370" s="75"/>
      <c r="M370" s="76"/>
      <c r="N370" s="61"/>
      <c r="O370" s="62"/>
    </row>
    <row r="371" spans="2:15">
      <c r="B371" s="74"/>
      <c r="C371" s="40">
        <v>34527</v>
      </c>
      <c r="D371" s="71"/>
      <c r="E371" s="72"/>
      <c r="F371" s="72"/>
      <c r="G371" s="72"/>
      <c r="H371" s="72"/>
      <c r="I371" s="72" t="s">
        <v>361</v>
      </c>
      <c r="J371" s="72"/>
      <c r="K371" s="75"/>
      <c r="L371" s="75"/>
      <c r="M371" s="76"/>
      <c r="N371" s="61"/>
      <c r="O371" s="62"/>
    </row>
    <row r="372" spans="2:15">
      <c r="B372" s="74"/>
      <c r="C372" s="40">
        <v>199326</v>
      </c>
      <c r="D372" s="66"/>
      <c r="E372" s="69"/>
      <c r="F372" s="69"/>
      <c r="G372" s="69"/>
      <c r="H372" s="69"/>
      <c r="I372" s="69" t="s">
        <v>362</v>
      </c>
      <c r="J372" s="69"/>
      <c r="K372" s="75"/>
      <c r="L372" s="75"/>
      <c r="M372" s="76"/>
      <c r="N372" s="61"/>
      <c r="O372" s="62"/>
    </row>
    <row r="373" spans="2:15">
      <c r="B373" s="74"/>
      <c r="C373" s="40">
        <v>91500</v>
      </c>
      <c r="D373" s="71"/>
      <c r="E373" s="72"/>
      <c r="F373" s="72"/>
      <c r="G373" s="72" t="s">
        <v>363</v>
      </c>
      <c r="H373" s="72"/>
      <c r="I373" s="72"/>
      <c r="J373" s="72"/>
      <c r="K373" s="75"/>
      <c r="L373" s="75"/>
      <c r="M373" s="76"/>
      <c r="N373" s="61"/>
      <c r="O373" s="62"/>
    </row>
    <row r="374" spans="2:15">
      <c r="B374" s="74"/>
      <c r="C374" s="40">
        <v>93164</v>
      </c>
      <c r="D374" s="66"/>
      <c r="E374" s="69"/>
      <c r="F374" s="69"/>
      <c r="G374" s="69" t="s">
        <v>364</v>
      </c>
      <c r="H374" s="69"/>
      <c r="I374" s="69"/>
      <c r="J374" s="69"/>
      <c r="K374" s="75"/>
      <c r="L374" s="75"/>
      <c r="M374" s="76"/>
      <c r="N374" s="61"/>
      <c r="O374" s="62"/>
    </row>
    <row r="375" spans="2:15">
      <c r="B375" s="74"/>
      <c r="C375" s="40">
        <v>93606</v>
      </c>
      <c r="D375" s="71"/>
      <c r="E375" s="72"/>
      <c r="F375" s="72"/>
      <c r="G375" s="72" t="s">
        <v>365</v>
      </c>
      <c r="H375" s="72"/>
      <c r="I375" s="72"/>
      <c r="J375" s="72"/>
      <c r="K375" s="75"/>
      <c r="L375" s="75"/>
      <c r="M375" s="76"/>
      <c r="N375" s="61"/>
      <c r="O375" s="62"/>
    </row>
    <row r="376" spans="2:15">
      <c r="B376" s="74"/>
      <c r="C376" s="40">
        <v>94088</v>
      </c>
      <c r="D376" s="66"/>
      <c r="E376" s="69"/>
      <c r="F376" s="69"/>
      <c r="G376" s="69" t="s">
        <v>366</v>
      </c>
      <c r="H376" s="69"/>
      <c r="I376" s="69"/>
      <c r="J376" s="69"/>
      <c r="K376" s="75"/>
      <c r="L376" s="75"/>
      <c r="M376" s="76"/>
      <c r="N376" s="61"/>
      <c r="O376" s="62"/>
    </row>
    <row r="377" spans="2:15">
      <c r="B377" s="74"/>
      <c r="C377" s="40">
        <v>94089</v>
      </c>
      <c r="D377" s="71"/>
      <c r="E377" s="72"/>
      <c r="F377" s="72"/>
      <c r="G377" s="72" t="s">
        <v>367</v>
      </c>
      <c r="H377" s="72"/>
      <c r="I377" s="72"/>
      <c r="J377" s="72"/>
      <c r="K377" s="75"/>
      <c r="L377" s="75"/>
      <c r="M377" s="76"/>
      <c r="N377" s="61"/>
      <c r="O377" s="62"/>
    </row>
    <row r="378" spans="2:15">
      <c r="B378" s="74"/>
      <c r="C378" s="40">
        <v>94090</v>
      </c>
      <c r="D378" s="66"/>
      <c r="E378" s="69"/>
      <c r="F378" s="69"/>
      <c r="G378" s="69" t="s">
        <v>368</v>
      </c>
      <c r="H378" s="69"/>
      <c r="I378" s="69"/>
      <c r="J378" s="69"/>
      <c r="K378" s="75"/>
      <c r="L378" s="75"/>
      <c r="M378" s="76"/>
      <c r="N378" s="61"/>
      <c r="O378" s="62"/>
    </row>
    <row r="379" spans="2:15">
      <c r="B379" s="74"/>
      <c r="C379" s="40">
        <v>97593</v>
      </c>
      <c r="D379" s="71"/>
      <c r="E379" s="72"/>
      <c r="F379" s="72"/>
      <c r="G379" s="72" t="s">
        <v>369</v>
      </c>
      <c r="H379" s="68"/>
      <c r="I379" s="68"/>
      <c r="J379" s="72"/>
      <c r="K379" s="75"/>
      <c r="L379" s="75"/>
      <c r="M379" s="76"/>
      <c r="N379" s="61"/>
      <c r="O379" s="62"/>
    </row>
    <row r="380" spans="2:15">
      <c r="B380" s="74"/>
      <c r="C380" s="40">
        <v>665</v>
      </c>
      <c r="D380" s="71"/>
      <c r="E380" s="72"/>
      <c r="F380" s="72"/>
      <c r="G380" s="72"/>
      <c r="H380" s="72" t="s">
        <v>370</v>
      </c>
      <c r="I380" s="68"/>
      <c r="J380" s="72"/>
      <c r="K380" s="75"/>
      <c r="L380" s="75"/>
      <c r="M380" s="76"/>
      <c r="N380" s="61"/>
      <c r="O380" s="62"/>
    </row>
    <row r="381" spans="2:15">
      <c r="B381" s="74"/>
      <c r="C381" s="40">
        <v>79443</v>
      </c>
      <c r="D381" s="71"/>
      <c r="E381" s="72"/>
      <c r="F381" s="72"/>
      <c r="G381" s="72"/>
      <c r="H381" s="72"/>
      <c r="I381" s="72" t="s">
        <v>371</v>
      </c>
      <c r="J381" s="72"/>
      <c r="K381" s="75"/>
      <c r="L381" s="75"/>
      <c r="M381" s="76"/>
      <c r="N381" s="61"/>
      <c r="O381" s="62"/>
    </row>
    <row r="382" spans="2:15">
      <c r="B382" s="74"/>
      <c r="C382" s="40">
        <v>79444</v>
      </c>
      <c r="D382" s="66"/>
      <c r="E382" s="69"/>
      <c r="F382" s="69"/>
      <c r="G382" s="69"/>
      <c r="H382" s="69"/>
      <c r="I382" s="69" t="s">
        <v>372</v>
      </c>
      <c r="J382" s="69"/>
      <c r="K382" s="75"/>
      <c r="L382" s="75"/>
      <c r="M382" s="76"/>
      <c r="N382" s="61"/>
      <c r="O382" s="62"/>
    </row>
    <row r="383" spans="2:15">
      <c r="B383" s="74"/>
      <c r="C383" s="40">
        <v>79445</v>
      </c>
      <c r="D383" s="71"/>
      <c r="E383" s="72"/>
      <c r="F383" s="72"/>
      <c r="G383" s="72"/>
      <c r="H383" s="72"/>
      <c r="I383" s="72" t="s">
        <v>373</v>
      </c>
      <c r="J383" s="72"/>
      <c r="K383" s="75"/>
      <c r="L383" s="75"/>
      <c r="M383" s="76"/>
      <c r="N383" s="61"/>
      <c r="O383" s="62"/>
    </row>
    <row r="384" spans="2:15">
      <c r="B384" s="74"/>
      <c r="C384" s="40">
        <v>94089</v>
      </c>
      <c r="D384" s="66"/>
      <c r="E384" s="69"/>
      <c r="F384" s="69"/>
      <c r="G384" s="69"/>
      <c r="H384" s="69" t="s">
        <v>367</v>
      </c>
      <c r="I384" s="69"/>
      <c r="J384" s="69"/>
      <c r="K384" s="75"/>
      <c r="L384" s="75"/>
      <c r="M384" s="76"/>
      <c r="N384" s="61"/>
      <c r="O384" s="62"/>
    </row>
    <row r="385" spans="2:15">
      <c r="B385" s="74"/>
      <c r="C385" s="40">
        <v>94090</v>
      </c>
      <c r="D385" s="71"/>
      <c r="E385" s="72"/>
      <c r="F385" s="72"/>
      <c r="G385" s="72"/>
      <c r="H385" s="72" t="s">
        <v>368</v>
      </c>
      <c r="I385" s="72"/>
      <c r="J385" s="72"/>
      <c r="K385" s="75"/>
      <c r="L385" s="75"/>
      <c r="M385" s="76"/>
      <c r="N385" s="61"/>
      <c r="O385" s="62"/>
    </row>
    <row r="386" spans="2:15">
      <c r="B386" s="74"/>
      <c r="C386" s="40">
        <v>199343</v>
      </c>
      <c r="D386" s="66"/>
      <c r="E386" s="69"/>
      <c r="F386" s="69"/>
      <c r="G386" s="69" t="s">
        <v>374</v>
      </c>
      <c r="H386" s="69"/>
      <c r="I386" s="69"/>
      <c r="J386" s="69"/>
      <c r="K386" s="75"/>
      <c r="L386" s="75"/>
      <c r="M386" s="76"/>
      <c r="N386" s="61"/>
      <c r="O386" s="62"/>
    </row>
    <row r="387" spans="2:15">
      <c r="B387" s="74"/>
      <c r="C387" s="40">
        <v>217330</v>
      </c>
      <c r="D387" s="71"/>
      <c r="E387" s="72"/>
      <c r="F387" s="72"/>
      <c r="G387" s="72" t="s">
        <v>375</v>
      </c>
      <c r="H387" s="72"/>
      <c r="I387" s="72"/>
      <c r="J387" s="72"/>
      <c r="K387" s="75"/>
      <c r="L387" s="75"/>
      <c r="M387" s="76"/>
      <c r="N387" s="61"/>
      <c r="O387" s="62"/>
    </row>
    <row r="388" spans="2:15">
      <c r="B388" s="74"/>
      <c r="C388" s="40">
        <v>238517</v>
      </c>
      <c r="D388" s="66"/>
      <c r="E388" s="69"/>
      <c r="F388" s="69"/>
      <c r="G388" s="69" t="s">
        <v>376</v>
      </c>
      <c r="H388" s="68"/>
      <c r="I388" s="69"/>
      <c r="J388" s="69"/>
      <c r="K388" s="75"/>
      <c r="L388" s="75"/>
      <c r="M388" s="76"/>
      <c r="N388" s="61"/>
      <c r="O388" s="62"/>
    </row>
    <row r="389" spans="2:15">
      <c r="B389" s="74"/>
      <c r="C389" s="40">
        <v>163690</v>
      </c>
      <c r="D389" s="66"/>
      <c r="E389" s="69"/>
      <c r="F389" s="69"/>
      <c r="G389" s="69"/>
      <c r="H389" s="69" t="s">
        <v>377</v>
      </c>
      <c r="I389" s="69"/>
      <c r="J389" s="69"/>
      <c r="K389" s="75"/>
      <c r="L389" s="75"/>
      <c r="M389" s="76"/>
      <c r="N389" s="61"/>
      <c r="O389" s="62"/>
    </row>
    <row r="390" spans="2:15">
      <c r="B390" s="74"/>
      <c r="C390" s="40">
        <v>163693</v>
      </c>
      <c r="D390" s="71"/>
      <c r="E390" s="72"/>
      <c r="F390" s="72"/>
      <c r="G390" s="72"/>
      <c r="H390" s="72" t="s">
        <v>378</v>
      </c>
      <c r="I390" s="72"/>
      <c r="J390" s="72"/>
      <c r="K390" s="75"/>
      <c r="L390" s="75"/>
      <c r="M390" s="76"/>
      <c r="N390" s="61"/>
      <c r="O390" s="62"/>
    </row>
    <row r="391" spans="2:15">
      <c r="B391" s="74"/>
      <c r="C391" s="40">
        <v>238523</v>
      </c>
      <c r="D391" s="66"/>
      <c r="E391" s="69"/>
      <c r="F391" s="69"/>
      <c r="G391" s="69"/>
      <c r="H391" s="69" t="s">
        <v>379</v>
      </c>
      <c r="I391" s="69"/>
      <c r="J391" s="69"/>
      <c r="K391" s="75"/>
      <c r="L391" s="75"/>
      <c r="M391" s="76"/>
      <c r="N391" s="61"/>
      <c r="O391" s="62"/>
    </row>
    <row r="392" spans="2:15">
      <c r="B392" s="74"/>
      <c r="C392" s="40">
        <v>244305</v>
      </c>
      <c r="D392" s="71"/>
      <c r="E392" s="72"/>
      <c r="F392" s="72"/>
      <c r="G392" s="72" t="s">
        <v>380</v>
      </c>
      <c r="H392" s="72"/>
      <c r="I392" s="72"/>
      <c r="J392" s="72"/>
      <c r="K392" s="75"/>
      <c r="L392" s="75"/>
      <c r="M392" s="76"/>
      <c r="N392" s="61"/>
      <c r="O392" s="62"/>
    </row>
    <row r="393" spans="2:15">
      <c r="B393" s="74"/>
      <c r="C393" s="40">
        <v>314822</v>
      </c>
      <c r="D393" s="66"/>
      <c r="E393" s="69"/>
      <c r="F393" s="69"/>
      <c r="G393" s="69" t="s">
        <v>381</v>
      </c>
      <c r="H393" s="68"/>
      <c r="I393" s="69"/>
      <c r="J393" s="69"/>
      <c r="K393" s="75"/>
      <c r="L393" s="75"/>
      <c r="M393" s="76"/>
      <c r="N393" s="61"/>
      <c r="O393" s="62"/>
    </row>
    <row r="394" spans="2:15">
      <c r="B394" s="74"/>
      <c r="C394" s="40">
        <v>324525</v>
      </c>
      <c r="D394" s="66"/>
      <c r="E394" s="69"/>
      <c r="F394" s="69"/>
      <c r="G394" s="69"/>
      <c r="H394" s="69" t="s">
        <v>382</v>
      </c>
      <c r="I394" s="69"/>
      <c r="J394" s="69"/>
      <c r="K394" s="75"/>
      <c r="L394" s="75"/>
      <c r="M394" s="76"/>
      <c r="N394" s="61"/>
      <c r="O394" s="62"/>
    </row>
    <row r="395" spans="2:15">
      <c r="B395" s="74"/>
      <c r="C395" s="40">
        <v>2785</v>
      </c>
      <c r="D395" s="71"/>
      <c r="E395" s="72"/>
      <c r="F395" s="72"/>
      <c r="G395" s="72"/>
      <c r="H395" s="72" t="s">
        <v>383</v>
      </c>
      <c r="I395" s="72"/>
      <c r="J395" s="72"/>
      <c r="K395" s="75"/>
      <c r="L395" s="75"/>
      <c r="M395" s="76"/>
      <c r="N395" s="61"/>
      <c r="O395" s="62"/>
    </row>
    <row r="396" spans="2:15">
      <c r="B396" s="74"/>
      <c r="C396" s="40">
        <v>2675</v>
      </c>
      <c r="D396" s="66"/>
      <c r="E396" s="69"/>
      <c r="F396" s="69"/>
      <c r="G396" s="69"/>
      <c r="H396" s="69" t="s">
        <v>384</v>
      </c>
      <c r="I396" s="69"/>
      <c r="J396" s="69"/>
      <c r="K396" s="75"/>
      <c r="L396" s="75"/>
      <c r="M396" s="76"/>
      <c r="N396" s="61"/>
      <c r="O396" s="62"/>
    </row>
    <row r="397" spans="2:15">
      <c r="B397" s="74"/>
      <c r="C397" s="40">
        <v>3240</v>
      </c>
      <c r="D397" s="71"/>
      <c r="E397" s="72"/>
      <c r="F397" s="72"/>
      <c r="G397" s="72"/>
      <c r="H397" s="72" t="s">
        <v>385</v>
      </c>
      <c r="I397" s="72"/>
      <c r="J397" s="72"/>
      <c r="K397" s="75"/>
      <c r="L397" s="75"/>
      <c r="M397" s="76"/>
      <c r="N397" s="61"/>
      <c r="O397" s="62"/>
    </row>
    <row r="398" spans="2:15">
      <c r="B398" s="74"/>
      <c r="C398" s="40">
        <v>18</v>
      </c>
      <c r="D398" s="66"/>
      <c r="E398" s="69"/>
      <c r="F398" s="69"/>
      <c r="G398" s="69"/>
      <c r="H398" s="69" t="s">
        <v>386</v>
      </c>
      <c r="I398" s="68"/>
      <c r="J398" s="69"/>
      <c r="K398" s="75"/>
      <c r="L398" s="75"/>
      <c r="M398" s="76"/>
      <c r="N398" s="61"/>
      <c r="O398" s="62"/>
    </row>
    <row r="399" spans="2:15">
      <c r="B399" s="74"/>
      <c r="C399" s="40">
        <v>93608</v>
      </c>
      <c r="D399" s="66"/>
      <c r="E399" s="69"/>
      <c r="F399" s="69"/>
      <c r="G399" s="69"/>
      <c r="H399" s="69"/>
      <c r="I399" s="69" t="s">
        <v>387</v>
      </c>
      <c r="J399" s="69"/>
      <c r="K399" s="75"/>
      <c r="L399" s="75"/>
      <c r="M399" s="76"/>
      <c r="N399" s="61"/>
      <c r="O399" s="62"/>
    </row>
    <row r="400" spans="2:15">
      <c r="B400" s="74"/>
      <c r="C400" s="40">
        <v>93609</v>
      </c>
      <c r="D400" s="71"/>
      <c r="E400" s="72"/>
      <c r="F400" s="72"/>
      <c r="G400" s="72"/>
      <c r="H400" s="72"/>
      <c r="I400" s="72" t="s">
        <v>388</v>
      </c>
      <c r="J400" s="72"/>
      <c r="K400" s="75"/>
      <c r="L400" s="75"/>
      <c r="M400" s="76"/>
      <c r="N400" s="61"/>
      <c r="O400" s="62"/>
    </row>
    <row r="401" spans="2:15">
      <c r="B401" s="74"/>
      <c r="C401" s="40">
        <v>93610</v>
      </c>
      <c r="D401" s="66"/>
      <c r="E401" s="69"/>
      <c r="F401" s="69"/>
      <c r="G401" s="69"/>
      <c r="H401" s="69"/>
      <c r="I401" s="69" t="s">
        <v>389</v>
      </c>
      <c r="J401" s="69"/>
      <c r="K401" s="75"/>
      <c r="L401" s="75"/>
      <c r="M401" s="76"/>
      <c r="N401" s="61"/>
      <c r="O401" s="62"/>
    </row>
    <row r="402" spans="2:15">
      <c r="B402" s="74"/>
      <c r="C402" s="40">
        <v>93611</v>
      </c>
      <c r="D402" s="71"/>
      <c r="E402" s="72"/>
      <c r="F402" s="72"/>
      <c r="G402" s="72"/>
      <c r="H402" s="72"/>
      <c r="I402" s="72" t="s">
        <v>390</v>
      </c>
      <c r="J402" s="72"/>
      <c r="K402" s="75"/>
      <c r="L402" s="75"/>
      <c r="M402" s="76"/>
      <c r="N402" s="61"/>
      <c r="O402" s="62"/>
    </row>
    <row r="403" spans="2:15">
      <c r="B403" s="74"/>
      <c r="C403" s="40">
        <v>47159</v>
      </c>
      <c r="D403" s="66"/>
      <c r="E403" s="69"/>
      <c r="F403" s="69"/>
      <c r="G403" s="69"/>
      <c r="H403" s="69" t="s">
        <v>391</v>
      </c>
      <c r="I403" s="68"/>
      <c r="J403" s="69"/>
      <c r="K403" s="75"/>
      <c r="L403" s="75"/>
      <c r="M403" s="76"/>
      <c r="N403" s="61"/>
      <c r="O403" s="62"/>
    </row>
    <row r="404" spans="2:15">
      <c r="B404" s="74"/>
      <c r="C404" s="40">
        <v>93607</v>
      </c>
      <c r="D404" s="66"/>
      <c r="E404" s="69"/>
      <c r="F404" s="69"/>
      <c r="G404" s="69"/>
      <c r="H404" s="69"/>
      <c r="I404" s="69" t="s">
        <v>392</v>
      </c>
      <c r="J404" s="69"/>
      <c r="K404" s="75"/>
      <c r="L404" s="75"/>
      <c r="M404" s="76"/>
      <c r="N404" s="61"/>
      <c r="O404" s="62"/>
    </row>
    <row r="405" spans="2:15">
      <c r="B405" s="74"/>
      <c r="C405" s="40">
        <v>314889</v>
      </c>
      <c r="D405" s="71"/>
      <c r="E405" s="72"/>
      <c r="F405" s="72"/>
      <c r="G405" s="72"/>
      <c r="H405" s="72"/>
      <c r="I405" s="72" t="s">
        <v>393</v>
      </c>
      <c r="J405" s="72"/>
      <c r="K405" s="75"/>
      <c r="L405" s="75"/>
      <c r="M405" s="76"/>
      <c r="N405" s="61"/>
      <c r="O405" s="62"/>
    </row>
    <row r="406" spans="2:15">
      <c r="B406" s="74"/>
      <c r="C406" s="40">
        <v>89939</v>
      </c>
      <c r="D406" s="66"/>
      <c r="E406" s="69"/>
      <c r="F406" s="69"/>
      <c r="G406" s="69"/>
      <c r="H406" s="69" t="s">
        <v>394</v>
      </c>
      <c r="I406" s="69"/>
      <c r="J406" s="69"/>
      <c r="K406" s="75"/>
      <c r="L406" s="75"/>
      <c r="M406" s="76"/>
      <c r="N406" s="61"/>
      <c r="O406" s="62"/>
    </row>
    <row r="407" spans="2:15">
      <c r="B407" s="74"/>
      <c r="C407" s="40">
        <v>534</v>
      </c>
      <c r="D407" s="71"/>
      <c r="E407" s="72"/>
      <c r="F407" s="72"/>
      <c r="G407" s="72" t="s">
        <v>395</v>
      </c>
      <c r="H407" s="72"/>
      <c r="I407" s="72"/>
      <c r="J407" s="72"/>
      <c r="K407" s="75"/>
      <c r="L407" s="75"/>
      <c r="M407" s="76"/>
      <c r="N407" s="61"/>
      <c r="O407" s="62"/>
    </row>
    <row r="408" spans="2:15">
      <c r="B408" s="74"/>
      <c r="C408" s="40">
        <v>437</v>
      </c>
      <c r="D408" s="66"/>
      <c r="E408" s="69"/>
      <c r="F408" s="69"/>
      <c r="G408" s="69" t="s">
        <v>396</v>
      </c>
      <c r="H408" s="68"/>
      <c r="I408" s="69"/>
      <c r="J408" s="69"/>
      <c r="K408" s="75"/>
      <c r="L408" s="75"/>
      <c r="M408" s="76"/>
      <c r="N408" s="61"/>
      <c r="O408" s="62"/>
    </row>
    <row r="409" spans="2:15">
      <c r="B409" s="74"/>
      <c r="C409" s="40">
        <v>89936</v>
      </c>
      <c r="D409" s="66"/>
      <c r="E409" s="69"/>
      <c r="F409" s="69"/>
      <c r="G409" s="69"/>
      <c r="H409" s="69" t="s">
        <v>397</v>
      </c>
      <c r="I409" s="69"/>
      <c r="J409" s="69"/>
      <c r="K409" s="75"/>
      <c r="L409" s="75"/>
      <c r="M409" s="76"/>
      <c r="N409" s="61"/>
      <c r="O409" s="62"/>
    </row>
    <row r="410" spans="2:15">
      <c r="B410" s="74"/>
      <c r="C410" s="40">
        <v>89937</v>
      </c>
      <c r="D410" s="71"/>
      <c r="E410" s="72"/>
      <c r="F410" s="72"/>
      <c r="G410" s="72"/>
      <c r="H410" s="72" t="s">
        <v>398</v>
      </c>
      <c r="I410" s="72"/>
      <c r="J410" s="72"/>
      <c r="K410" s="75"/>
      <c r="L410" s="75"/>
      <c r="M410" s="76"/>
      <c r="N410" s="61"/>
      <c r="O410" s="62"/>
    </row>
    <row r="411" spans="2:15">
      <c r="B411" s="74"/>
      <c r="C411" s="40">
        <v>157215</v>
      </c>
      <c r="D411" s="66"/>
      <c r="E411" s="69"/>
      <c r="F411" s="69"/>
      <c r="G411" s="69"/>
      <c r="H411" s="69" t="s">
        <v>399</v>
      </c>
      <c r="I411" s="69"/>
      <c r="J411" s="69"/>
      <c r="K411" s="75"/>
      <c r="L411" s="75"/>
      <c r="M411" s="76"/>
      <c r="N411" s="61"/>
      <c r="O411" s="62"/>
    </row>
    <row r="412" spans="2:15">
      <c r="B412" s="74"/>
      <c r="C412" s="40">
        <v>289176</v>
      </c>
      <c r="D412" s="71"/>
      <c r="E412" s="72"/>
      <c r="F412" s="72"/>
      <c r="G412" s="72"/>
      <c r="H412" s="72" t="s">
        <v>400</v>
      </c>
      <c r="I412" s="72"/>
      <c r="J412" s="72"/>
      <c r="K412" s="75"/>
      <c r="L412" s="75"/>
      <c r="M412" s="76"/>
      <c r="N412" s="61"/>
      <c r="O412" s="62"/>
    </row>
    <row r="413" spans="2:15">
      <c r="B413" s="74"/>
      <c r="C413" s="40">
        <v>214</v>
      </c>
      <c r="D413" s="66"/>
      <c r="E413" s="69"/>
      <c r="F413" s="69"/>
      <c r="G413" s="69" t="s">
        <v>401</v>
      </c>
      <c r="H413" s="68"/>
      <c r="I413" s="69"/>
      <c r="J413" s="69"/>
      <c r="K413" s="75"/>
      <c r="L413" s="75"/>
      <c r="M413" s="76"/>
      <c r="N413" s="61"/>
      <c r="O413" s="62"/>
    </row>
    <row r="414" spans="2:15">
      <c r="B414" s="74"/>
      <c r="C414" s="40">
        <v>93612</v>
      </c>
      <c r="D414" s="66"/>
      <c r="E414" s="69"/>
      <c r="F414" s="69"/>
      <c r="G414" s="69"/>
      <c r="H414" s="69" t="s">
        <v>402</v>
      </c>
      <c r="I414" s="69"/>
      <c r="J414" s="69"/>
      <c r="K414" s="75"/>
      <c r="L414" s="75"/>
      <c r="M414" s="76"/>
      <c r="N414" s="61"/>
      <c r="O414" s="62"/>
    </row>
    <row r="415" spans="2:15">
      <c r="B415" s="74"/>
      <c r="C415" s="40">
        <v>93613</v>
      </c>
      <c r="D415" s="71"/>
      <c r="E415" s="72"/>
      <c r="F415" s="72"/>
      <c r="G415" s="72"/>
      <c r="H415" s="72" t="s">
        <v>403</v>
      </c>
      <c r="I415" s="72"/>
      <c r="J415" s="72"/>
      <c r="K415" s="75"/>
      <c r="L415" s="75"/>
      <c r="M415" s="76"/>
      <c r="N415" s="61"/>
      <c r="O415" s="62"/>
    </row>
    <row r="416" spans="2:15">
      <c r="B416" s="74"/>
      <c r="C416" s="40">
        <v>112</v>
      </c>
      <c r="D416" s="66"/>
      <c r="E416" s="69"/>
      <c r="F416" s="69"/>
      <c r="G416" s="69" t="s">
        <v>404</v>
      </c>
      <c r="H416" s="68"/>
      <c r="I416" s="69"/>
      <c r="J416" s="69"/>
      <c r="K416" s="75"/>
      <c r="L416" s="75"/>
      <c r="M416" s="76"/>
      <c r="N416" s="61"/>
      <c r="O416" s="62"/>
    </row>
    <row r="417" spans="2:15">
      <c r="B417" s="74"/>
      <c r="C417" s="40">
        <v>89938</v>
      </c>
      <c r="D417" s="66"/>
      <c r="E417" s="69"/>
      <c r="F417" s="69"/>
      <c r="G417" s="69"/>
      <c r="H417" s="69" t="s">
        <v>405</v>
      </c>
      <c r="I417" s="69"/>
      <c r="J417" s="69"/>
      <c r="K417" s="75"/>
      <c r="L417" s="75"/>
      <c r="M417" s="76"/>
      <c r="N417" s="61"/>
      <c r="O417" s="62"/>
    </row>
    <row r="418" spans="2:15">
      <c r="B418" s="74"/>
      <c r="C418" s="40">
        <v>93604</v>
      </c>
      <c r="D418" s="71"/>
      <c r="E418" s="72"/>
      <c r="F418" s="72"/>
      <c r="G418" s="72"/>
      <c r="H418" s="72" t="s">
        <v>406</v>
      </c>
      <c r="I418" s="72"/>
      <c r="J418" s="72"/>
      <c r="K418" s="75"/>
      <c r="L418" s="75"/>
      <c r="M418" s="76"/>
      <c r="N418" s="61"/>
      <c r="O418" s="62"/>
    </row>
    <row r="419" spans="2:15">
      <c r="B419" s="74"/>
      <c r="C419" s="40">
        <v>93605</v>
      </c>
      <c r="D419" s="66"/>
      <c r="E419" s="69"/>
      <c r="F419" s="69"/>
      <c r="G419" s="69"/>
      <c r="H419" s="69" t="s">
        <v>407</v>
      </c>
      <c r="I419" s="69"/>
      <c r="J419" s="69"/>
      <c r="K419" s="75"/>
      <c r="L419" s="75"/>
      <c r="M419" s="76"/>
      <c r="N419" s="61"/>
      <c r="O419" s="62"/>
    </row>
    <row r="420" spans="2:15">
      <c r="B420" s="74"/>
      <c r="C420" s="40">
        <v>263417</v>
      </c>
      <c r="D420" s="71"/>
      <c r="E420" s="72"/>
      <c r="F420" s="72"/>
      <c r="G420" s="72"/>
      <c r="H420" s="72" t="s">
        <v>408</v>
      </c>
      <c r="I420" s="72"/>
      <c r="J420" s="72"/>
      <c r="K420" s="75"/>
      <c r="L420" s="75"/>
      <c r="M420" s="76"/>
      <c r="N420" s="61"/>
      <c r="O420" s="62"/>
    </row>
    <row r="421" spans="2:15">
      <c r="B421" s="74"/>
      <c r="C421" s="40">
        <v>3145</v>
      </c>
      <c r="D421" s="66"/>
      <c r="E421" s="69"/>
      <c r="F421" s="69"/>
      <c r="G421" s="69" t="s">
        <v>409</v>
      </c>
      <c r="H421" s="69"/>
      <c r="I421" s="69"/>
      <c r="J421" s="69"/>
      <c r="K421" s="75"/>
      <c r="L421" s="75"/>
      <c r="M421" s="76"/>
      <c r="N421" s="61"/>
      <c r="O421" s="62"/>
    </row>
    <row r="422" spans="2:15">
      <c r="B422" s="74"/>
      <c r="C422" s="40">
        <v>2197</v>
      </c>
      <c r="D422" s="71"/>
      <c r="E422" s="72"/>
      <c r="F422" s="72"/>
      <c r="G422" s="72" t="s">
        <v>410</v>
      </c>
      <c r="H422" s="72"/>
      <c r="I422" s="72"/>
      <c r="J422" s="72"/>
      <c r="K422" s="75"/>
      <c r="L422" s="75"/>
      <c r="M422" s="76"/>
      <c r="N422" s="61"/>
      <c r="O422" s="62"/>
    </row>
    <row r="423" spans="2:15">
      <c r="B423" s="74"/>
      <c r="C423" s="40">
        <v>1652</v>
      </c>
      <c r="D423" s="66"/>
      <c r="E423" s="69"/>
      <c r="F423" s="69"/>
      <c r="G423" s="69" t="s">
        <v>411</v>
      </c>
      <c r="H423" s="68"/>
      <c r="I423" s="69"/>
      <c r="J423" s="69"/>
      <c r="K423" s="75"/>
      <c r="L423" s="75"/>
      <c r="M423" s="76"/>
      <c r="N423" s="61"/>
      <c r="O423" s="62"/>
    </row>
    <row r="424" spans="2:15">
      <c r="B424" s="74"/>
      <c r="C424" s="40">
        <v>93622</v>
      </c>
      <c r="D424" s="66"/>
      <c r="E424" s="69"/>
      <c r="F424" s="69"/>
      <c r="G424" s="69"/>
      <c r="H424" s="69" t="s">
        <v>412</v>
      </c>
      <c r="I424" s="69"/>
      <c r="J424" s="69"/>
      <c r="K424" s="75"/>
      <c r="L424" s="75"/>
      <c r="M424" s="76"/>
      <c r="N424" s="61"/>
      <c r="O424" s="62"/>
    </row>
    <row r="425" spans="2:15">
      <c r="B425" s="74"/>
      <c r="C425" s="40">
        <v>93623</v>
      </c>
      <c r="D425" s="71"/>
      <c r="E425" s="72"/>
      <c r="F425" s="72"/>
      <c r="G425" s="72"/>
      <c r="H425" s="72" t="s">
        <v>413</v>
      </c>
      <c r="I425" s="72"/>
      <c r="J425" s="72"/>
      <c r="K425" s="75"/>
      <c r="L425" s="75"/>
      <c r="M425" s="76"/>
      <c r="N425" s="61"/>
      <c r="O425" s="62"/>
    </row>
    <row r="426" spans="2:15">
      <c r="B426" s="74"/>
      <c r="C426" s="40">
        <v>223</v>
      </c>
      <c r="D426" s="66"/>
      <c r="E426" s="69"/>
      <c r="F426" s="69"/>
      <c r="G426" s="69" t="s">
        <v>414</v>
      </c>
      <c r="H426" s="69"/>
      <c r="I426" s="69"/>
      <c r="J426" s="69"/>
      <c r="K426" s="75"/>
      <c r="L426" s="75"/>
      <c r="M426" s="76"/>
      <c r="N426" s="61"/>
      <c r="O426" s="62"/>
    </row>
    <row r="427" spans="2:15">
      <c r="B427" s="74"/>
      <c r="C427" s="40">
        <v>93614</v>
      </c>
      <c r="D427" s="71"/>
      <c r="E427" s="72"/>
      <c r="F427" s="72" t="s">
        <v>415</v>
      </c>
      <c r="G427" s="68"/>
      <c r="H427" s="68"/>
      <c r="I427" s="72"/>
      <c r="J427" s="72"/>
      <c r="K427" s="75"/>
      <c r="L427" s="75"/>
      <c r="M427" s="76"/>
      <c r="N427" s="61"/>
      <c r="O427" s="62"/>
    </row>
    <row r="428" spans="2:15">
      <c r="B428" s="74"/>
      <c r="C428" s="40">
        <v>846</v>
      </c>
      <c r="D428" s="71"/>
      <c r="E428" s="72"/>
      <c r="F428" s="72"/>
      <c r="G428" s="72" t="s">
        <v>416</v>
      </c>
      <c r="H428" s="68"/>
      <c r="I428" s="72"/>
      <c r="J428" s="72"/>
      <c r="K428" s="75"/>
      <c r="L428" s="75"/>
      <c r="M428" s="76"/>
      <c r="N428" s="61"/>
      <c r="O428" s="62"/>
    </row>
    <row r="429" spans="2:15">
      <c r="B429" s="74"/>
      <c r="C429" s="40">
        <v>93616</v>
      </c>
      <c r="D429" s="71"/>
      <c r="E429" s="72"/>
      <c r="F429" s="72"/>
      <c r="G429" s="72"/>
      <c r="H429" s="72" t="s">
        <v>417</v>
      </c>
      <c r="I429" s="72"/>
      <c r="J429" s="72"/>
      <c r="K429" s="75"/>
      <c r="L429" s="75"/>
      <c r="M429" s="76"/>
      <c r="N429" s="61"/>
      <c r="O429" s="62"/>
    </row>
    <row r="430" spans="2:15">
      <c r="B430" s="74"/>
      <c r="C430" s="40">
        <v>848</v>
      </c>
      <c r="D430" s="66"/>
      <c r="E430" s="69"/>
      <c r="F430" s="69"/>
      <c r="G430" s="69" t="s">
        <v>418</v>
      </c>
      <c r="H430" s="68"/>
      <c r="I430" s="69"/>
      <c r="J430" s="69"/>
      <c r="K430" s="75"/>
      <c r="L430" s="75"/>
      <c r="M430" s="76"/>
      <c r="N430" s="61"/>
      <c r="O430" s="62"/>
    </row>
    <row r="431" spans="2:15">
      <c r="B431" s="74"/>
      <c r="C431" s="40">
        <v>231214</v>
      </c>
      <c r="D431" s="66"/>
      <c r="E431" s="69"/>
      <c r="F431" s="69"/>
      <c r="G431" s="69"/>
      <c r="H431" s="69" t="s">
        <v>419</v>
      </c>
      <c r="I431" s="69"/>
      <c r="J431" s="69"/>
      <c r="K431" s="75"/>
      <c r="L431" s="75"/>
      <c r="M431" s="76"/>
      <c r="N431" s="61"/>
      <c r="O431" s="62"/>
    </row>
    <row r="432" spans="2:15">
      <c r="B432" s="74"/>
      <c r="C432" s="40">
        <v>231222</v>
      </c>
      <c r="D432" s="71"/>
      <c r="E432" s="72"/>
      <c r="F432" s="72"/>
      <c r="G432" s="72"/>
      <c r="H432" s="72" t="s">
        <v>420</v>
      </c>
      <c r="I432" s="72"/>
      <c r="J432" s="72"/>
      <c r="K432" s="75"/>
      <c r="L432" s="75"/>
      <c r="M432" s="76"/>
      <c r="N432" s="61"/>
      <c r="O432" s="62"/>
    </row>
    <row r="433" spans="2:15">
      <c r="B433" s="74"/>
      <c r="C433" s="40">
        <v>231226</v>
      </c>
      <c r="D433" s="66"/>
      <c r="E433" s="69"/>
      <c r="F433" s="69"/>
      <c r="G433" s="69"/>
      <c r="H433" s="69" t="s">
        <v>421</v>
      </c>
      <c r="I433" s="69"/>
      <c r="J433" s="69"/>
      <c r="K433" s="75"/>
      <c r="L433" s="75"/>
      <c r="M433" s="76"/>
      <c r="N433" s="61"/>
      <c r="O433" s="62"/>
    </row>
    <row r="434" spans="2:15">
      <c r="B434" s="74"/>
      <c r="C434" s="40">
        <v>232</v>
      </c>
      <c r="D434" s="71"/>
      <c r="E434" s="72"/>
      <c r="F434" s="72"/>
      <c r="G434" s="72" t="s">
        <v>422</v>
      </c>
      <c r="H434" s="72"/>
      <c r="I434" s="72"/>
      <c r="J434" s="72"/>
      <c r="K434" s="75"/>
      <c r="L434" s="75"/>
      <c r="M434" s="76"/>
      <c r="N434" s="61"/>
      <c r="O434" s="62"/>
    </row>
    <row r="435" spans="2:15">
      <c r="B435" s="74"/>
      <c r="C435" s="40">
        <v>84</v>
      </c>
      <c r="D435" s="66"/>
      <c r="E435" s="69"/>
      <c r="F435" s="69"/>
      <c r="G435" s="69" t="s">
        <v>423</v>
      </c>
      <c r="H435" s="69"/>
      <c r="I435" s="69"/>
      <c r="J435" s="69"/>
      <c r="K435" s="75"/>
      <c r="L435" s="75"/>
      <c r="M435" s="76"/>
      <c r="N435" s="61"/>
      <c r="O435" s="62"/>
    </row>
    <row r="436" spans="2:15">
      <c r="B436" s="74"/>
      <c r="C436" s="40">
        <v>91136</v>
      </c>
      <c r="D436" s="71"/>
      <c r="E436" s="72"/>
      <c r="F436" s="72"/>
      <c r="G436" s="72" t="s">
        <v>424</v>
      </c>
      <c r="H436" s="72"/>
      <c r="I436" s="72"/>
      <c r="J436" s="72"/>
      <c r="K436" s="75"/>
      <c r="L436" s="75"/>
      <c r="M436" s="76"/>
      <c r="N436" s="61"/>
      <c r="O436" s="62"/>
    </row>
    <row r="437" spans="2:15">
      <c r="B437" s="74"/>
      <c r="C437" s="40">
        <v>93618</v>
      </c>
      <c r="D437" s="66"/>
      <c r="E437" s="69"/>
      <c r="F437" s="69" t="s">
        <v>425</v>
      </c>
      <c r="G437" s="68"/>
      <c r="H437" s="69"/>
      <c r="I437" s="69"/>
      <c r="J437" s="69"/>
      <c r="K437" s="75"/>
      <c r="L437" s="75"/>
      <c r="M437" s="76"/>
      <c r="N437" s="61"/>
      <c r="O437" s="62"/>
    </row>
    <row r="438" spans="2:15">
      <c r="B438" s="74"/>
      <c r="C438" s="40">
        <v>904</v>
      </c>
      <c r="D438" s="66"/>
      <c r="E438" s="69"/>
      <c r="F438" s="69"/>
      <c r="G438" s="69" t="s">
        <v>426</v>
      </c>
      <c r="H438" s="69"/>
      <c r="I438" s="69"/>
      <c r="J438" s="69"/>
      <c r="K438" s="75"/>
      <c r="L438" s="75"/>
      <c r="M438" s="76"/>
      <c r="N438" s="61"/>
      <c r="O438" s="62"/>
    </row>
    <row r="439" spans="2:15">
      <c r="B439" s="74"/>
      <c r="C439" s="40">
        <v>636</v>
      </c>
      <c r="D439" s="71"/>
      <c r="E439" s="72"/>
      <c r="F439" s="72"/>
      <c r="G439" s="72" t="s">
        <v>427</v>
      </c>
      <c r="H439" s="68"/>
      <c r="I439" s="72"/>
      <c r="J439" s="72"/>
      <c r="K439" s="75"/>
      <c r="L439" s="75"/>
      <c r="M439" s="76"/>
      <c r="N439" s="61"/>
      <c r="O439" s="62"/>
    </row>
    <row r="440" spans="2:15">
      <c r="B440" s="74"/>
      <c r="C440" s="40">
        <v>79428</v>
      </c>
      <c r="D440" s="71"/>
      <c r="E440" s="72"/>
      <c r="F440" s="72"/>
      <c r="G440" s="72"/>
      <c r="H440" s="72" t="s">
        <v>428</v>
      </c>
      <c r="I440" s="72"/>
      <c r="J440" s="72"/>
      <c r="K440" s="75"/>
      <c r="L440" s="75"/>
      <c r="M440" s="76"/>
      <c r="N440" s="61"/>
      <c r="O440" s="62"/>
    </row>
    <row r="441" spans="2:15">
      <c r="B441" s="74"/>
      <c r="C441" s="40">
        <v>79429</v>
      </c>
      <c r="D441" s="66"/>
      <c r="E441" s="69"/>
      <c r="F441" s="69"/>
      <c r="G441" s="69"/>
      <c r="H441" s="69" t="s">
        <v>429</v>
      </c>
      <c r="I441" s="69"/>
      <c r="J441" s="69"/>
      <c r="K441" s="75"/>
      <c r="L441" s="75"/>
      <c r="M441" s="76"/>
      <c r="N441" s="61"/>
      <c r="O441" s="62"/>
    </row>
    <row r="442" spans="2:15">
      <c r="B442" s="74"/>
      <c r="C442" s="40">
        <v>97685</v>
      </c>
      <c r="D442" s="71"/>
      <c r="E442" s="72"/>
      <c r="F442" s="72"/>
      <c r="G442" s="72"/>
      <c r="H442" s="72" t="s">
        <v>430</v>
      </c>
      <c r="I442" s="72"/>
      <c r="J442" s="72"/>
      <c r="K442" s="75"/>
      <c r="L442" s="75"/>
      <c r="M442" s="76"/>
      <c r="N442" s="61"/>
      <c r="O442" s="62"/>
    </row>
    <row r="443" spans="2:15">
      <c r="B443" s="74"/>
      <c r="C443" s="40">
        <v>717</v>
      </c>
      <c r="D443" s="66"/>
      <c r="E443" s="69"/>
      <c r="F443" s="69"/>
      <c r="G443" s="69" t="s">
        <v>431</v>
      </c>
      <c r="H443" s="68"/>
      <c r="I443" s="69"/>
      <c r="J443" s="69"/>
      <c r="K443" s="75"/>
      <c r="L443" s="75"/>
      <c r="M443" s="76"/>
      <c r="N443" s="61"/>
      <c r="O443" s="62"/>
    </row>
    <row r="444" spans="2:15">
      <c r="B444" s="74"/>
      <c r="C444" s="40">
        <v>892</v>
      </c>
      <c r="D444" s="66"/>
      <c r="E444" s="69"/>
      <c r="F444" s="69"/>
      <c r="G444" s="69"/>
      <c r="H444" s="69" t="s">
        <v>265</v>
      </c>
      <c r="I444" s="69"/>
      <c r="J444" s="69"/>
      <c r="K444" s="75"/>
      <c r="L444" s="75"/>
      <c r="M444" s="76"/>
      <c r="N444" s="61"/>
      <c r="O444" s="62"/>
    </row>
    <row r="445" spans="2:15">
      <c r="B445" s="74"/>
      <c r="C445" s="40">
        <v>29072</v>
      </c>
      <c r="D445" s="71"/>
      <c r="E445" s="72"/>
      <c r="F445" s="72"/>
      <c r="G445" s="72"/>
      <c r="H445" s="72" t="s">
        <v>432</v>
      </c>
      <c r="I445" s="72"/>
      <c r="J445" s="72"/>
      <c r="K445" s="75"/>
      <c r="L445" s="75"/>
      <c r="M445" s="76"/>
      <c r="N445" s="61"/>
      <c r="O445" s="62"/>
    </row>
    <row r="446" spans="2:15">
      <c r="B446" s="74"/>
      <c r="C446" s="40">
        <v>403</v>
      </c>
      <c r="D446" s="66"/>
      <c r="E446" s="69"/>
      <c r="F446" s="69"/>
      <c r="G446" s="69" t="s">
        <v>433</v>
      </c>
      <c r="H446" s="69"/>
      <c r="I446" s="69"/>
      <c r="J446" s="69"/>
      <c r="K446" s="75"/>
      <c r="L446" s="75"/>
      <c r="M446" s="76"/>
      <c r="N446" s="61"/>
      <c r="O446" s="62"/>
    </row>
    <row r="447" spans="2:15">
      <c r="B447" s="74"/>
      <c r="C447" s="40">
        <v>526</v>
      </c>
      <c r="D447" s="71"/>
      <c r="E447" s="72"/>
      <c r="F447" s="72"/>
      <c r="G447" s="72" t="s">
        <v>434</v>
      </c>
      <c r="H447" s="72"/>
      <c r="I447" s="72"/>
      <c r="J447" s="72"/>
      <c r="K447" s="75"/>
      <c r="L447" s="75"/>
      <c r="M447" s="76"/>
      <c r="N447" s="61"/>
      <c r="O447" s="62"/>
    </row>
    <row r="448" spans="2:15">
      <c r="B448" s="74"/>
      <c r="C448" s="40">
        <v>1276</v>
      </c>
      <c r="D448" s="66"/>
      <c r="E448" s="69"/>
      <c r="F448" s="69"/>
      <c r="G448" s="69" t="s">
        <v>435</v>
      </c>
      <c r="H448" s="69"/>
      <c r="I448" s="69"/>
      <c r="J448" s="69"/>
      <c r="K448" s="75"/>
      <c r="L448" s="75"/>
      <c r="M448" s="76"/>
      <c r="N448" s="61"/>
      <c r="O448" s="62"/>
    </row>
    <row r="449" spans="2:15">
      <c r="B449" s="74"/>
      <c r="C449" s="40">
        <v>424</v>
      </c>
      <c r="D449" s="71"/>
      <c r="E449" s="72"/>
      <c r="F449" s="72"/>
      <c r="G449" s="72" t="s">
        <v>436</v>
      </c>
      <c r="H449" s="68"/>
      <c r="I449" s="72"/>
      <c r="J449" s="72"/>
      <c r="K449" s="75"/>
      <c r="L449" s="75"/>
      <c r="M449" s="76"/>
      <c r="N449" s="61"/>
      <c r="O449" s="62"/>
    </row>
    <row r="450" spans="2:15">
      <c r="B450" s="74"/>
      <c r="C450" s="40">
        <v>99819</v>
      </c>
      <c r="D450" s="71"/>
      <c r="E450" s="72"/>
      <c r="F450" s="72"/>
      <c r="G450" s="72"/>
      <c r="H450" s="72" t="s">
        <v>437</v>
      </c>
      <c r="I450" s="72"/>
      <c r="J450" s="72"/>
      <c r="K450" s="75"/>
      <c r="L450" s="75"/>
      <c r="M450" s="76"/>
      <c r="N450" s="61"/>
      <c r="O450" s="62"/>
    </row>
    <row r="451" spans="2:15">
      <c r="B451" s="74"/>
      <c r="C451" s="40">
        <v>757</v>
      </c>
      <c r="D451" s="66"/>
      <c r="E451" s="69"/>
      <c r="F451" s="69"/>
      <c r="G451" s="69" t="s">
        <v>438</v>
      </c>
      <c r="H451" s="68"/>
      <c r="I451" s="69"/>
      <c r="J451" s="69"/>
      <c r="K451" s="75"/>
      <c r="L451" s="75"/>
      <c r="M451" s="76"/>
      <c r="N451" s="61"/>
      <c r="O451" s="62"/>
    </row>
    <row r="452" spans="2:15">
      <c r="B452" s="74"/>
      <c r="C452" s="40">
        <v>88938</v>
      </c>
      <c r="D452" s="66"/>
      <c r="E452" s="69"/>
      <c r="F452" s="69"/>
      <c r="G452" s="69"/>
      <c r="H452" s="69" t="s">
        <v>439</v>
      </c>
      <c r="I452" s="69"/>
      <c r="J452" s="69"/>
      <c r="K452" s="75"/>
      <c r="L452" s="75"/>
      <c r="M452" s="76"/>
      <c r="N452" s="61"/>
      <c r="O452" s="62"/>
    </row>
    <row r="453" spans="2:15">
      <c r="B453" s="74"/>
      <c r="C453" s="40">
        <v>88939</v>
      </c>
      <c r="D453" s="71"/>
      <c r="E453" s="72"/>
      <c r="F453" s="72"/>
      <c r="G453" s="72"/>
      <c r="H453" s="72" t="s">
        <v>440</v>
      </c>
      <c r="I453" s="72"/>
      <c r="J453" s="72"/>
      <c r="K453" s="75"/>
      <c r="L453" s="75"/>
      <c r="M453" s="76"/>
      <c r="N453" s="61"/>
      <c r="O453" s="62"/>
    </row>
    <row r="454" spans="2:15">
      <c r="B454" s="74"/>
      <c r="C454" s="40">
        <v>88940</v>
      </c>
      <c r="D454" s="66"/>
      <c r="E454" s="69"/>
      <c r="F454" s="69"/>
      <c r="G454" s="69"/>
      <c r="H454" s="69" t="s">
        <v>441</v>
      </c>
      <c r="I454" s="69"/>
      <c r="J454" s="69"/>
      <c r="K454" s="75"/>
      <c r="L454" s="75"/>
      <c r="M454" s="76"/>
      <c r="N454" s="61"/>
      <c r="O454" s="62"/>
    </row>
    <row r="455" spans="2:15">
      <c r="B455" s="74"/>
      <c r="C455" s="40">
        <v>300525</v>
      </c>
      <c r="D455" s="71"/>
      <c r="E455" s="72"/>
      <c r="F455" s="72"/>
      <c r="G455" s="72"/>
      <c r="H455" s="72" t="s">
        <v>442</v>
      </c>
      <c r="I455" s="72"/>
      <c r="J455" s="72"/>
      <c r="K455" s="75"/>
      <c r="L455" s="75"/>
      <c r="M455" s="76"/>
      <c r="N455" s="61"/>
      <c r="O455" s="62"/>
    </row>
    <row r="456" spans="2:15">
      <c r="B456" s="74"/>
      <c r="C456" s="40">
        <v>300530</v>
      </c>
      <c r="D456" s="66"/>
      <c r="E456" s="69"/>
      <c r="F456" s="69"/>
      <c r="G456" s="69"/>
      <c r="H456" s="69" t="s">
        <v>443</v>
      </c>
      <c r="I456" s="69"/>
      <c r="J456" s="69"/>
      <c r="K456" s="75"/>
      <c r="L456" s="75"/>
      <c r="M456" s="76"/>
      <c r="N456" s="61"/>
      <c r="O456" s="62"/>
    </row>
    <row r="457" spans="2:15">
      <c r="B457" s="74"/>
      <c r="C457" s="40">
        <v>758</v>
      </c>
      <c r="D457" s="71"/>
      <c r="E457" s="72"/>
      <c r="F457" s="72"/>
      <c r="G457" s="72" t="s">
        <v>444</v>
      </c>
      <c r="H457" s="72"/>
      <c r="I457" s="72"/>
      <c r="J457" s="72"/>
      <c r="K457" s="75"/>
      <c r="L457" s="75"/>
      <c r="M457" s="76"/>
      <c r="N457" s="61"/>
      <c r="O457" s="62"/>
    </row>
    <row r="458" spans="2:15">
      <c r="B458" s="74"/>
      <c r="C458" s="40">
        <v>1501</v>
      </c>
      <c r="D458" s="66"/>
      <c r="E458" s="69"/>
      <c r="F458" s="69"/>
      <c r="G458" s="69" t="s">
        <v>445</v>
      </c>
      <c r="H458" s="69"/>
      <c r="I458" s="69"/>
      <c r="J458" s="69"/>
      <c r="K458" s="75"/>
      <c r="L458" s="75"/>
      <c r="M458" s="76"/>
      <c r="N458" s="61"/>
      <c r="O458" s="62"/>
    </row>
    <row r="459" spans="2:15">
      <c r="B459" s="74"/>
      <c r="C459" s="40">
        <v>336</v>
      </c>
      <c r="D459" s="71"/>
      <c r="E459" s="72"/>
      <c r="F459" s="72"/>
      <c r="G459" s="72" t="s">
        <v>446</v>
      </c>
      <c r="H459" s="72"/>
      <c r="I459" s="72"/>
      <c r="J459" s="72"/>
      <c r="K459" s="75"/>
      <c r="L459" s="75"/>
      <c r="M459" s="76"/>
      <c r="N459" s="61"/>
      <c r="O459" s="62"/>
    </row>
    <row r="460" spans="2:15">
      <c r="B460" s="74"/>
      <c r="C460" s="40">
        <v>320</v>
      </c>
      <c r="D460" s="66"/>
      <c r="E460" s="69"/>
      <c r="F460" s="69"/>
      <c r="G460" s="69" t="s">
        <v>447</v>
      </c>
      <c r="H460" s="69"/>
      <c r="I460" s="69"/>
      <c r="J460" s="69"/>
      <c r="K460" s="75"/>
      <c r="L460" s="75"/>
      <c r="M460" s="76"/>
      <c r="N460" s="61"/>
      <c r="O460" s="62"/>
    </row>
    <row r="461" spans="2:15">
      <c r="B461" s="74"/>
      <c r="C461" s="40">
        <v>88659</v>
      </c>
      <c r="D461" s="71"/>
      <c r="E461" s="72"/>
      <c r="F461" s="72"/>
      <c r="G461" s="72" t="s">
        <v>448</v>
      </c>
      <c r="H461" s="72"/>
      <c r="I461" s="72"/>
      <c r="J461" s="72"/>
      <c r="K461" s="75"/>
      <c r="L461" s="75"/>
      <c r="M461" s="76"/>
      <c r="N461" s="61"/>
      <c r="O461" s="62"/>
    </row>
    <row r="462" spans="2:15">
      <c r="B462" s="74"/>
      <c r="C462" s="40">
        <v>88660</v>
      </c>
      <c r="D462" s="66"/>
      <c r="E462" s="69"/>
      <c r="F462" s="69"/>
      <c r="G462" s="69" t="s">
        <v>449</v>
      </c>
      <c r="H462" s="69"/>
      <c r="I462" s="69"/>
      <c r="J462" s="69"/>
      <c r="K462" s="75"/>
      <c r="L462" s="75"/>
      <c r="M462" s="76"/>
      <c r="N462" s="61"/>
      <c r="O462" s="62"/>
    </row>
    <row r="463" spans="2:15">
      <c r="B463" s="74"/>
      <c r="C463" s="40">
        <v>97598</v>
      </c>
      <c r="D463" s="71"/>
      <c r="E463" s="72"/>
      <c r="F463" s="72"/>
      <c r="G463" s="72" t="s">
        <v>450</v>
      </c>
      <c r="H463" s="72"/>
      <c r="I463" s="72"/>
      <c r="J463" s="72"/>
      <c r="K463" s="75"/>
      <c r="L463" s="75"/>
      <c r="M463" s="76"/>
      <c r="N463" s="61"/>
      <c r="O463" s="62"/>
    </row>
    <row r="464" spans="2:15">
      <c r="B464" s="74"/>
      <c r="C464" s="40">
        <v>97599</v>
      </c>
      <c r="D464" s="66"/>
      <c r="E464" s="69"/>
      <c r="F464" s="69"/>
      <c r="G464" s="69" t="s">
        <v>451</v>
      </c>
      <c r="H464" s="69"/>
      <c r="I464" s="69"/>
      <c r="J464" s="69"/>
      <c r="K464" s="75"/>
      <c r="L464" s="75"/>
      <c r="M464" s="76"/>
      <c r="N464" s="61"/>
      <c r="O464" s="62"/>
    </row>
    <row r="465" spans="2:15">
      <c r="B465" s="74"/>
      <c r="C465" s="40">
        <v>93619</v>
      </c>
      <c r="D465" s="71"/>
      <c r="E465" s="72"/>
      <c r="F465" s="72" t="s">
        <v>452</v>
      </c>
      <c r="G465" s="68"/>
      <c r="H465" s="68"/>
      <c r="I465" s="72"/>
      <c r="J465" s="72"/>
      <c r="K465" s="75"/>
      <c r="L465" s="75"/>
      <c r="M465" s="76"/>
      <c r="N465" s="61"/>
      <c r="O465" s="62"/>
    </row>
    <row r="466" spans="2:15">
      <c r="B466" s="74"/>
      <c r="C466" s="40">
        <v>151</v>
      </c>
      <c r="D466" s="71"/>
      <c r="E466" s="72"/>
      <c r="F466" s="72"/>
      <c r="G466" s="72" t="s">
        <v>453</v>
      </c>
      <c r="H466" s="68"/>
      <c r="I466" s="72"/>
      <c r="J466" s="72"/>
      <c r="K466" s="75"/>
      <c r="L466" s="75"/>
      <c r="M466" s="76"/>
      <c r="N466" s="61"/>
      <c r="O466" s="62"/>
    </row>
    <row r="467" spans="2:15">
      <c r="B467" s="74"/>
      <c r="C467" s="40">
        <v>47044</v>
      </c>
      <c r="D467" s="71"/>
      <c r="E467" s="72"/>
      <c r="F467" s="72"/>
      <c r="G467" s="72"/>
      <c r="H467" s="72" t="s">
        <v>454</v>
      </c>
      <c r="I467" s="72"/>
      <c r="J467" s="72"/>
      <c r="K467" s="75"/>
      <c r="L467" s="75"/>
      <c r="M467" s="76"/>
      <c r="N467" s="61"/>
      <c r="O467" s="62"/>
    </row>
    <row r="468" spans="2:15">
      <c r="B468" s="74"/>
      <c r="C468" s="40">
        <v>217071</v>
      </c>
      <c r="D468" s="66"/>
      <c r="E468" s="69"/>
      <c r="F468" s="69"/>
      <c r="G468" s="69" t="s">
        <v>455</v>
      </c>
      <c r="H468" s="68"/>
      <c r="I468" s="69"/>
      <c r="J468" s="69"/>
      <c r="K468" s="75"/>
      <c r="L468" s="75"/>
      <c r="M468" s="76"/>
      <c r="N468" s="61"/>
      <c r="O468" s="62"/>
    </row>
    <row r="469" spans="2:15">
      <c r="B469" s="74"/>
      <c r="C469" s="40">
        <v>247203</v>
      </c>
      <c r="D469" s="66"/>
      <c r="E469" s="69"/>
      <c r="F469" s="69"/>
      <c r="G469" s="69"/>
      <c r="H469" s="69" t="s">
        <v>456</v>
      </c>
      <c r="I469" s="69"/>
      <c r="J469" s="69"/>
      <c r="K469" s="75"/>
      <c r="L469" s="75"/>
      <c r="M469" s="76"/>
      <c r="N469" s="61"/>
      <c r="O469" s="62"/>
    </row>
    <row r="470" spans="2:15">
      <c r="B470" s="74"/>
      <c r="C470" s="40">
        <v>319276</v>
      </c>
      <c r="D470" s="71"/>
      <c r="E470" s="72"/>
      <c r="F470" s="72"/>
      <c r="G470" s="72"/>
      <c r="H470" s="72" t="s">
        <v>457</v>
      </c>
      <c r="I470" s="68"/>
      <c r="J470" s="72"/>
      <c r="K470" s="75"/>
      <c r="L470" s="75"/>
      <c r="M470" s="76"/>
      <c r="N470" s="61"/>
      <c r="O470" s="62"/>
    </row>
    <row r="471" spans="2:15">
      <c r="B471" s="74"/>
      <c r="C471" s="40">
        <v>319287</v>
      </c>
      <c r="D471" s="71"/>
      <c r="E471" s="72"/>
      <c r="F471" s="72"/>
      <c r="G471" s="72"/>
      <c r="H471" s="72"/>
      <c r="I471" s="72" t="s">
        <v>458</v>
      </c>
      <c r="J471" s="72"/>
      <c r="K471" s="75"/>
      <c r="L471" s="75"/>
      <c r="M471" s="76"/>
      <c r="N471" s="61"/>
      <c r="O471" s="62"/>
    </row>
    <row r="472" spans="2:15">
      <c r="B472" s="74"/>
      <c r="C472" s="40">
        <v>319298</v>
      </c>
      <c r="D472" s="66"/>
      <c r="E472" s="69"/>
      <c r="F472" s="69"/>
      <c r="G472" s="69"/>
      <c r="H472" s="69" t="s">
        <v>459</v>
      </c>
      <c r="I472" s="69"/>
      <c r="J472" s="69"/>
      <c r="K472" s="75"/>
      <c r="L472" s="75"/>
      <c r="M472" s="76"/>
      <c r="N472" s="61"/>
      <c r="O472" s="62"/>
    </row>
    <row r="473" spans="2:15">
      <c r="B473" s="74"/>
      <c r="C473" s="40">
        <v>319303</v>
      </c>
      <c r="D473" s="71"/>
      <c r="E473" s="72"/>
      <c r="F473" s="72"/>
      <c r="G473" s="72"/>
      <c r="H473" s="72" t="s">
        <v>460</v>
      </c>
      <c r="I473" s="72"/>
      <c r="J473" s="72"/>
      <c r="K473" s="75"/>
      <c r="L473" s="75"/>
      <c r="M473" s="76"/>
      <c r="N473" s="61"/>
      <c r="O473" s="62"/>
    </row>
    <row r="474" spans="2:15">
      <c r="B474" s="74"/>
      <c r="C474" s="40">
        <v>319308</v>
      </c>
      <c r="D474" s="66"/>
      <c r="E474" s="69"/>
      <c r="F474" s="69"/>
      <c r="G474" s="69"/>
      <c r="H474" s="69" t="s">
        <v>461</v>
      </c>
      <c r="I474" s="69"/>
      <c r="J474" s="69"/>
      <c r="K474" s="75"/>
      <c r="L474" s="75"/>
      <c r="M474" s="76"/>
      <c r="N474" s="61"/>
      <c r="O474" s="62"/>
    </row>
    <row r="475" spans="2:15">
      <c r="B475" s="74"/>
      <c r="C475" s="40">
        <v>319314</v>
      </c>
      <c r="D475" s="71"/>
      <c r="E475" s="72"/>
      <c r="F475" s="72"/>
      <c r="G475" s="72"/>
      <c r="H475" s="72" t="s">
        <v>462</v>
      </c>
      <c r="I475" s="72"/>
      <c r="J475" s="72"/>
      <c r="K475" s="75"/>
      <c r="L475" s="75"/>
      <c r="M475" s="76"/>
      <c r="N475" s="61"/>
      <c r="O475" s="62"/>
    </row>
    <row r="476" spans="2:15">
      <c r="B476" s="74"/>
      <c r="C476" s="40">
        <v>319319</v>
      </c>
      <c r="D476" s="66"/>
      <c r="E476" s="69"/>
      <c r="F476" s="69"/>
      <c r="G476" s="69"/>
      <c r="H476" s="69" t="s">
        <v>463</v>
      </c>
      <c r="I476" s="69"/>
      <c r="J476" s="69"/>
      <c r="K476" s="75"/>
      <c r="L476" s="75"/>
      <c r="M476" s="76"/>
      <c r="N476" s="61"/>
      <c r="O476" s="62"/>
    </row>
    <row r="477" spans="2:15">
      <c r="B477" s="74"/>
      <c r="C477" s="40">
        <v>319322</v>
      </c>
      <c r="D477" s="71"/>
      <c r="E477" s="72"/>
      <c r="F477" s="72"/>
      <c r="G477" s="72"/>
      <c r="H477" s="72" t="s">
        <v>464</v>
      </c>
      <c r="I477" s="72"/>
      <c r="J477" s="72"/>
      <c r="K477" s="75"/>
      <c r="L477" s="75"/>
      <c r="M477" s="76"/>
      <c r="N477" s="61"/>
      <c r="O477" s="62"/>
    </row>
    <row r="478" spans="2:15">
      <c r="B478" s="74"/>
      <c r="C478" s="40">
        <v>319325</v>
      </c>
      <c r="D478" s="66"/>
      <c r="E478" s="69"/>
      <c r="F478" s="69"/>
      <c r="G478" s="69"/>
      <c r="H478" s="69" t="s">
        <v>465</v>
      </c>
      <c r="I478" s="69"/>
      <c r="J478" s="69"/>
      <c r="K478" s="75"/>
      <c r="L478" s="75"/>
      <c r="M478" s="76"/>
      <c r="N478" s="61"/>
      <c r="O478" s="62"/>
    </row>
    <row r="479" spans="2:15">
      <c r="B479" s="74"/>
      <c r="C479" s="40">
        <v>97366</v>
      </c>
      <c r="D479" s="71"/>
      <c r="E479" s="72"/>
      <c r="F479" s="72"/>
      <c r="G479" s="72" t="s">
        <v>466</v>
      </c>
      <c r="H479" s="72"/>
      <c r="I479" s="72"/>
      <c r="J479" s="72"/>
      <c r="K479" s="75"/>
      <c r="L479" s="75"/>
      <c r="M479" s="76"/>
      <c r="N479" s="61"/>
      <c r="O479" s="62"/>
    </row>
    <row r="480" spans="2:15">
      <c r="B480" s="74"/>
      <c r="C480" s="40">
        <v>319328</v>
      </c>
      <c r="D480" s="66"/>
      <c r="E480" s="69"/>
      <c r="F480" s="69" t="s">
        <v>467</v>
      </c>
      <c r="G480" s="68"/>
      <c r="H480" s="69"/>
      <c r="I480" s="69"/>
      <c r="J480" s="69"/>
      <c r="K480" s="75"/>
      <c r="L480" s="75"/>
      <c r="M480" s="76"/>
      <c r="N480" s="61"/>
      <c r="O480" s="62"/>
    </row>
    <row r="481" spans="2:15">
      <c r="B481" s="74"/>
      <c r="C481" s="40">
        <v>892</v>
      </c>
      <c r="D481" s="66"/>
      <c r="E481" s="69"/>
      <c r="F481" s="69"/>
      <c r="G481" s="69" t="s">
        <v>265</v>
      </c>
      <c r="H481" s="69"/>
      <c r="I481" s="69"/>
      <c r="J481" s="69"/>
      <c r="K481" s="75"/>
      <c r="L481" s="75"/>
      <c r="M481" s="76"/>
      <c r="N481" s="61"/>
      <c r="O481" s="62"/>
    </row>
    <row r="482" spans="2:15">
      <c r="B482" s="74"/>
      <c r="C482" s="40">
        <v>122</v>
      </c>
      <c r="D482" s="71"/>
      <c r="E482" s="72"/>
      <c r="F482" s="72"/>
      <c r="G482" s="72" t="s">
        <v>468</v>
      </c>
      <c r="H482" s="72"/>
      <c r="I482" s="72"/>
      <c r="J482" s="72"/>
      <c r="K482" s="75"/>
      <c r="L482" s="75"/>
      <c r="M482" s="76"/>
      <c r="N482" s="61"/>
      <c r="O482" s="62"/>
    </row>
    <row r="483" spans="2:15">
      <c r="B483" s="74"/>
      <c r="C483" s="40">
        <v>523</v>
      </c>
      <c r="D483" s="66"/>
      <c r="E483" s="69"/>
      <c r="F483" s="69"/>
      <c r="G483" s="69" t="s">
        <v>469</v>
      </c>
      <c r="H483" s="69"/>
      <c r="I483" s="69"/>
      <c r="J483" s="69"/>
      <c r="K483" s="75"/>
      <c r="L483" s="75"/>
      <c r="M483" s="76"/>
      <c r="N483" s="61"/>
      <c r="O483" s="62"/>
    </row>
    <row r="484" spans="2:15">
      <c r="B484" s="74"/>
      <c r="C484" s="40">
        <v>99880</v>
      </c>
      <c r="D484" s="71"/>
      <c r="E484" s="72"/>
      <c r="F484" s="72"/>
      <c r="G484" s="72" t="s">
        <v>470</v>
      </c>
      <c r="H484" s="72"/>
      <c r="I484" s="72"/>
      <c r="J484" s="72"/>
      <c r="K484" s="75"/>
      <c r="L484" s="75"/>
      <c r="M484" s="76"/>
      <c r="N484" s="61"/>
      <c r="O484" s="62"/>
    </row>
    <row r="485" spans="2:15" ht="15.75" thickBot="1">
      <c r="B485" s="77"/>
      <c r="C485" s="41">
        <v>319462</v>
      </c>
      <c r="D485" s="78"/>
      <c r="E485" s="79"/>
      <c r="F485" s="79"/>
      <c r="G485" s="79" t="s">
        <v>471</v>
      </c>
      <c r="H485" s="79"/>
      <c r="I485" s="79"/>
      <c r="J485" s="79"/>
      <c r="K485" s="80"/>
      <c r="L485" s="80"/>
      <c r="M485" s="81"/>
      <c r="N485" s="63"/>
      <c r="O485" s="64"/>
    </row>
    <row r="486" spans="2:15">
      <c r="B486" s="16"/>
      <c r="D486" s="42"/>
      <c r="E486" s="42"/>
      <c r="F486" s="42"/>
      <c r="G486" s="42"/>
      <c r="H486" s="42"/>
      <c r="I486" s="42"/>
      <c r="J486" s="42"/>
      <c r="K486" s="42"/>
      <c r="L486" s="42"/>
      <c r="M486" s="42"/>
    </row>
    <row r="487" spans="2:15">
      <c r="B487" s="16"/>
      <c r="C487" s="82" t="s">
        <v>475</v>
      </c>
      <c r="D487" s="42"/>
      <c r="E487" s="42"/>
      <c r="F487" s="42"/>
      <c r="G487" s="42"/>
      <c r="H487" s="42"/>
      <c r="I487" s="42"/>
      <c r="J487" s="42"/>
      <c r="K487" s="42"/>
      <c r="L487" s="42"/>
      <c r="M487" s="42"/>
    </row>
    <row r="488" spans="2:15">
      <c r="B488" s="16"/>
      <c r="D488" s="42"/>
      <c r="E488" s="42"/>
      <c r="F488" s="42"/>
      <c r="G488" s="42"/>
      <c r="H488" s="42"/>
      <c r="I488" s="42"/>
      <c r="J488" s="42"/>
      <c r="K488" s="42"/>
      <c r="L488" s="42"/>
      <c r="M488" s="42"/>
    </row>
    <row r="489" spans="2:15">
      <c r="D489" s="42"/>
      <c r="E489" s="42"/>
      <c r="F489" s="42"/>
      <c r="G489" s="42"/>
      <c r="H489" s="42"/>
      <c r="I489" s="42"/>
      <c r="J489" s="42"/>
    </row>
    <row r="490" spans="2:15">
      <c r="D490" s="42"/>
      <c r="E490" s="42"/>
      <c r="F490" s="42"/>
      <c r="G490" s="42"/>
      <c r="H490" s="42"/>
      <c r="I490" s="42"/>
      <c r="J490" s="42"/>
    </row>
    <row r="491" spans="2:15">
      <c r="D491" s="42"/>
      <c r="E491" s="42"/>
      <c r="F491" s="42"/>
      <c r="G491" s="42"/>
      <c r="H491" s="42"/>
      <c r="I491" s="42"/>
      <c r="J491" s="42"/>
    </row>
    <row r="492" spans="2:15">
      <c r="D492" s="42"/>
      <c r="E492" s="42"/>
      <c r="F492" s="42"/>
      <c r="G492" s="42"/>
      <c r="H492" s="42"/>
      <c r="I492" s="42"/>
      <c r="J492" s="42"/>
    </row>
    <row r="493" spans="2:15">
      <c r="D493" s="42"/>
      <c r="E493" s="42"/>
      <c r="F493" s="42"/>
      <c r="G493" s="42"/>
      <c r="H493" s="42"/>
      <c r="I493" s="42"/>
      <c r="J493" s="42"/>
    </row>
    <row r="494" spans="2:15">
      <c r="D494" s="42"/>
      <c r="E494" s="42"/>
      <c r="F494" s="42"/>
      <c r="G494" s="42"/>
      <c r="H494" s="42"/>
      <c r="I494" s="42"/>
      <c r="J494" s="42"/>
    </row>
    <row r="495" spans="2:15">
      <c r="D495" s="42"/>
      <c r="E495" s="42"/>
      <c r="F495" s="42"/>
      <c r="G495" s="42"/>
      <c r="H495" s="42"/>
      <c r="I495" s="42"/>
      <c r="J495" s="42"/>
    </row>
    <row r="496" spans="2:15">
      <c r="D496" s="42"/>
      <c r="E496" s="42"/>
      <c r="F496" s="42"/>
      <c r="G496" s="42"/>
      <c r="H496" s="42"/>
      <c r="I496" s="42"/>
      <c r="J496" s="42"/>
    </row>
    <row r="497" spans="4:10">
      <c r="D497" s="42"/>
      <c r="E497" s="42"/>
      <c r="F497" s="42"/>
      <c r="G497" s="42"/>
      <c r="H497" s="42"/>
      <c r="I497" s="42"/>
      <c r="J497" s="42"/>
    </row>
    <row r="498" spans="4:10">
      <c r="D498" s="42"/>
      <c r="E498" s="42"/>
      <c r="F498" s="42"/>
      <c r="G498" s="42"/>
      <c r="H498" s="42"/>
      <c r="I498" s="42"/>
      <c r="J498" s="42"/>
    </row>
    <row r="499" spans="4:10">
      <c r="D499" s="42"/>
      <c r="E499" s="42"/>
      <c r="F499" s="42"/>
      <c r="G499" s="42"/>
      <c r="H499" s="42"/>
      <c r="I499" s="42"/>
      <c r="J499" s="42"/>
    </row>
  </sheetData>
  <sheetProtection password="98D8" sheet="1" objects="1" scenarios="1" selectLockedCells="1"/>
  <mergeCells count="6">
    <mergeCell ref="C6:E6"/>
    <mergeCell ref="C7:E7"/>
    <mergeCell ref="E9:M9"/>
    <mergeCell ref="L3:O3"/>
    <mergeCell ref="L6:O6"/>
    <mergeCell ref="L7:O7"/>
  </mergeCells>
  <pageMargins left="0.75" right="0.75" top="1" bottom="1" header="0.5" footer="0.5"/>
  <extLst>
    <ext xmlns:mx="http://schemas.microsoft.com/office/mac/excel/2008/main" uri="{64002731-A6B0-56B0-2670-7721B7C09600}">
      <mx:PLV Mode="0" OnePage="0" WScale="0"/>
    </ext>
  </extLst>
</worksheet>
</file>

<file path=xl/worksheets/sheet2.xml><?xml version="1.0" encoding="utf-8"?>
<worksheet xmlns="http://schemas.openxmlformats.org/spreadsheetml/2006/main" xmlns:r="http://schemas.openxmlformats.org/officeDocument/2006/relationships">
  <dimension ref="A1:O37"/>
  <sheetViews>
    <sheetView topLeftCell="C1" zoomScale="90" zoomScaleNormal="90" workbookViewId="0">
      <pane ySplit="9" topLeftCell="A10" activePane="bottomLeft" state="frozen"/>
      <selection activeCell="C1" sqref="C1"/>
      <selection pane="bottomLeft" activeCell="L3" sqref="L3:O3"/>
    </sheetView>
  </sheetViews>
  <sheetFormatPr baseColWidth="10" defaultRowHeight="15"/>
  <cols>
    <col min="1" max="1" width="11.42578125" style="16" hidden="1" customWidth="1"/>
    <col min="2" max="2" width="6.42578125" style="17" hidden="1" customWidth="1"/>
    <col min="3" max="3" width="10.85546875" style="16" customWidth="1"/>
    <col min="4" max="4" width="1.42578125" style="16" customWidth="1"/>
    <col min="5" max="12" width="3.5703125" style="16" customWidth="1"/>
    <col min="13" max="13" width="100.7109375" style="16" customWidth="1"/>
    <col min="14" max="14" width="20.85546875" style="16" customWidth="1"/>
    <col min="15" max="15" width="24.28515625" style="16" customWidth="1"/>
    <col min="16" max="16384" width="11.42578125" style="16"/>
  </cols>
  <sheetData>
    <row r="1" spans="2:15" ht="5.25" customHeight="1">
      <c r="B1" s="15"/>
      <c r="F1" s="17"/>
      <c r="G1" s="17"/>
      <c r="H1" s="17"/>
    </row>
    <row r="2" spans="2:15" ht="4.5" customHeight="1">
      <c r="B2" s="16"/>
      <c r="C2" s="1"/>
      <c r="D2" s="2"/>
      <c r="E2" s="2"/>
      <c r="F2" s="3"/>
      <c r="G2" s="3"/>
      <c r="H2" s="3"/>
      <c r="I2" s="3"/>
      <c r="J2" s="3"/>
      <c r="K2" s="3"/>
      <c r="L2" s="21"/>
      <c r="M2" s="18"/>
      <c r="N2" s="18"/>
      <c r="O2" s="22"/>
    </row>
    <row r="3" spans="2:15" s="23" customFormat="1" ht="21.75" thickBot="1">
      <c r="C3" s="4" t="s">
        <v>1</v>
      </c>
      <c r="D3" s="5"/>
      <c r="E3" s="5"/>
      <c r="F3" s="24"/>
      <c r="G3" s="25"/>
      <c r="H3" s="25"/>
      <c r="I3" s="25"/>
      <c r="J3" s="25"/>
      <c r="K3" s="25"/>
      <c r="L3" s="55"/>
      <c r="M3" s="56"/>
      <c r="N3" s="56"/>
      <c r="O3" s="57"/>
    </row>
    <row r="4" spans="2:15" s="23" customFormat="1" ht="4.5" customHeight="1">
      <c r="C4" s="6"/>
      <c r="D4" s="7"/>
      <c r="E4" s="7"/>
      <c r="F4" s="8"/>
      <c r="G4" s="9"/>
      <c r="H4" s="9"/>
      <c r="I4" s="9"/>
      <c r="J4" s="9"/>
      <c r="K4" s="9"/>
      <c r="L4" s="26"/>
      <c r="M4" s="27"/>
      <c r="N4" s="27"/>
      <c r="O4" s="28"/>
    </row>
    <row r="5" spans="2:15" ht="7.5" customHeight="1">
      <c r="B5" s="16"/>
      <c r="C5" s="17"/>
      <c r="G5" s="17"/>
      <c r="H5" s="17"/>
      <c r="I5" s="17"/>
      <c r="J5" s="17"/>
      <c r="K5" s="17"/>
      <c r="M5" s="29"/>
      <c r="N5" s="29"/>
      <c r="O5" s="29"/>
    </row>
    <row r="6" spans="2:15" s="30" customFormat="1" ht="22.5" customHeight="1">
      <c r="C6" s="13" t="s">
        <v>2</v>
      </c>
      <c r="D6" s="14"/>
      <c r="E6" s="31"/>
      <c r="F6" s="12"/>
      <c r="G6" s="32"/>
      <c r="H6" s="32"/>
      <c r="I6" s="32"/>
      <c r="J6" s="32"/>
      <c r="K6" s="32"/>
      <c r="L6" s="58"/>
      <c r="M6" s="59"/>
      <c r="N6" s="59"/>
      <c r="O6" s="60"/>
    </row>
    <row r="7" spans="2:15" s="30" customFormat="1" ht="22.5" customHeight="1">
      <c r="C7" s="13" t="s">
        <v>3</v>
      </c>
      <c r="D7" s="14"/>
      <c r="E7" s="31"/>
      <c r="F7" s="12"/>
      <c r="G7" s="32"/>
      <c r="H7" s="32"/>
      <c r="I7" s="32"/>
      <c r="J7" s="32"/>
      <c r="K7" s="32"/>
      <c r="L7" s="58"/>
      <c r="M7" s="59"/>
      <c r="N7" s="59"/>
      <c r="O7" s="60"/>
    </row>
    <row r="8" spans="2:15" ht="7.5" customHeight="1" thickBot="1">
      <c r="F8" s="17"/>
      <c r="G8" s="17"/>
      <c r="H8" s="17"/>
    </row>
    <row r="9" spans="2:15" s="33" customFormat="1" ht="60" customHeight="1">
      <c r="B9" s="34" t="s">
        <v>4</v>
      </c>
      <c r="C9" s="10" t="s">
        <v>5</v>
      </c>
      <c r="D9" s="35"/>
      <c r="E9" s="36" t="s">
        <v>480</v>
      </c>
      <c r="F9" s="37"/>
      <c r="G9" s="37"/>
      <c r="H9" s="37"/>
      <c r="I9" s="37"/>
      <c r="J9" s="37"/>
      <c r="K9" s="37"/>
      <c r="L9" s="37"/>
      <c r="M9" s="38"/>
      <c r="N9" s="39" t="s">
        <v>479</v>
      </c>
      <c r="O9" s="11" t="s">
        <v>7</v>
      </c>
    </row>
    <row r="10" spans="2:15" s="42" customFormat="1" ht="15.75" customHeight="1">
      <c r="B10" s="65"/>
      <c r="C10" s="40">
        <v>93626</v>
      </c>
      <c r="D10" s="66"/>
      <c r="E10" s="67" t="s">
        <v>0</v>
      </c>
      <c r="F10" s="68"/>
      <c r="G10" s="68"/>
      <c r="H10" s="68"/>
      <c r="I10" s="68"/>
      <c r="J10" s="69"/>
      <c r="K10" s="51"/>
      <c r="L10" s="51"/>
      <c r="M10" s="70"/>
      <c r="N10" s="19"/>
      <c r="O10" s="20"/>
    </row>
    <row r="11" spans="2:15" s="42" customFormat="1" ht="15" customHeight="1">
      <c r="B11" s="65"/>
      <c r="C11" s="40">
        <v>93545</v>
      </c>
      <c r="D11" s="66"/>
      <c r="E11" s="69"/>
      <c r="F11" s="69" t="s">
        <v>8</v>
      </c>
      <c r="G11" s="68"/>
      <c r="H11" s="68"/>
      <c r="I11" s="68"/>
      <c r="J11" s="69"/>
      <c r="K11" s="51"/>
      <c r="L11" s="51"/>
      <c r="M11" s="70"/>
      <c r="N11" s="19"/>
      <c r="O11" s="20"/>
    </row>
    <row r="12" spans="2:15" s="42" customFormat="1" ht="15" customHeight="1">
      <c r="B12" s="65"/>
      <c r="C12" s="40">
        <v>93548</v>
      </c>
      <c r="D12" s="71"/>
      <c r="E12" s="72"/>
      <c r="F12" s="72" t="s">
        <v>134</v>
      </c>
      <c r="G12" s="68"/>
      <c r="H12" s="68"/>
      <c r="I12" s="68"/>
      <c r="J12" s="72"/>
      <c r="K12" s="51"/>
      <c r="L12" s="51"/>
      <c r="M12" s="70"/>
      <c r="N12" s="19"/>
      <c r="O12" s="20"/>
    </row>
    <row r="13" spans="2:15">
      <c r="B13" s="74"/>
      <c r="C13" s="40">
        <v>93573</v>
      </c>
      <c r="D13" s="71"/>
      <c r="E13" s="72"/>
      <c r="F13" s="72" t="s">
        <v>249</v>
      </c>
      <c r="G13" s="68"/>
      <c r="H13" s="68"/>
      <c r="I13" s="72"/>
      <c r="J13" s="72"/>
      <c r="K13" s="75"/>
      <c r="L13" s="75"/>
      <c r="M13" s="76"/>
      <c r="N13" s="61"/>
      <c r="O13" s="62"/>
    </row>
    <row r="14" spans="2:15">
      <c r="B14" s="74"/>
      <c r="C14" s="40">
        <v>93587</v>
      </c>
      <c r="D14" s="66"/>
      <c r="E14" s="69"/>
      <c r="F14" s="69" t="s">
        <v>263</v>
      </c>
      <c r="G14" s="68"/>
      <c r="H14" s="69"/>
      <c r="I14" s="69"/>
      <c r="J14" s="69"/>
      <c r="K14" s="75"/>
      <c r="L14" s="75"/>
      <c r="M14" s="76"/>
      <c r="N14" s="61"/>
      <c r="O14" s="62"/>
    </row>
    <row r="15" spans="2:15">
      <c r="B15" s="74"/>
      <c r="C15" s="40">
        <v>93593</v>
      </c>
      <c r="D15" s="71"/>
      <c r="E15" s="72"/>
      <c r="F15" s="72" t="s">
        <v>283</v>
      </c>
      <c r="G15" s="68"/>
      <c r="H15" s="72"/>
      <c r="I15" s="72"/>
      <c r="J15" s="72"/>
      <c r="K15" s="75"/>
      <c r="L15" s="75"/>
      <c r="M15" s="76"/>
      <c r="N15" s="61"/>
      <c r="O15" s="62"/>
    </row>
    <row r="16" spans="2:15">
      <c r="B16" s="74"/>
      <c r="C16" s="40">
        <v>93603</v>
      </c>
      <c r="D16" s="71"/>
      <c r="E16" s="72"/>
      <c r="F16" s="72" t="s">
        <v>347</v>
      </c>
      <c r="G16" s="68"/>
      <c r="H16" s="72"/>
      <c r="I16" s="72"/>
      <c r="J16" s="72"/>
      <c r="K16" s="75"/>
      <c r="L16" s="75"/>
      <c r="M16" s="76"/>
      <c r="N16" s="61"/>
      <c r="O16" s="62"/>
    </row>
    <row r="17" spans="2:15">
      <c r="B17" s="74"/>
      <c r="C17" s="40">
        <v>93614</v>
      </c>
      <c r="D17" s="71"/>
      <c r="E17" s="72"/>
      <c r="F17" s="72" t="s">
        <v>415</v>
      </c>
      <c r="G17" s="68"/>
      <c r="H17" s="68"/>
      <c r="I17" s="72"/>
      <c r="J17" s="72"/>
      <c r="K17" s="75"/>
      <c r="L17" s="75"/>
      <c r="M17" s="76"/>
      <c r="N17" s="61"/>
      <c r="O17" s="62"/>
    </row>
    <row r="18" spans="2:15">
      <c r="B18" s="74"/>
      <c r="C18" s="40">
        <v>93618</v>
      </c>
      <c r="D18" s="66"/>
      <c r="E18" s="69"/>
      <c r="F18" s="69" t="s">
        <v>476</v>
      </c>
      <c r="G18" s="68"/>
      <c r="H18" s="69"/>
      <c r="I18" s="69"/>
      <c r="J18" s="69"/>
      <c r="K18" s="75"/>
      <c r="L18" s="75"/>
      <c r="M18" s="76"/>
      <c r="N18" s="61"/>
      <c r="O18" s="62"/>
    </row>
    <row r="19" spans="2:15">
      <c r="B19" s="74"/>
      <c r="C19" s="40">
        <v>93619</v>
      </c>
      <c r="D19" s="71"/>
      <c r="E19" s="72"/>
      <c r="F19" s="72" t="s">
        <v>452</v>
      </c>
      <c r="G19" s="68"/>
      <c r="H19" s="68"/>
      <c r="I19" s="72"/>
      <c r="J19" s="72"/>
      <c r="K19" s="75"/>
      <c r="L19" s="75"/>
      <c r="M19" s="76"/>
      <c r="N19" s="61"/>
      <c r="O19" s="62"/>
    </row>
    <row r="20" spans="2:15">
      <c r="B20" s="74"/>
      <c r="C20" s="40">
        <v>319328</v>
      </c>
      <c r="D20" s="66"/>
      <c r="E20" s="69"/>
      <c r="F20" s="69" t="s">
        <v>467</v>
      </c>
      <c r="G20" s="68"/>
      <c r="H20" s="69"/>
      <c r="I20" s="69"/>
      <c r="J20" s="69"/>
      <c r="K20" s="75"/>
      <c r="L20" s="75"/>
      <c r="M20" s="76"/>
      <c r="N20" s="61"/>
      <c r="O20" s="62"/>
    </row>
    <row r="21" spans="2:15" s="42" customFormat="1" ht="15.75" customHeight="1">
      <c r="B21" s="43"/>
      <c r="C21" s="44"/>
      <c r="D21" s="45"/>
      <c r="E21" s="46" t="s">
        <v>478</v>
      </c>
      <c r="F21" s="87"/>
      <c r="G21" s="87"/>
      <c r="H21" s="87"/>
      <c r="I21" s="87"/>
      <c r="J21" s="87"/>
      <c r="K21" s="87"/>
      <c r="L21" s="87"/>
      <c r="M21" s="88"/>
      <c r="N21" s="89"/>
      <c r="O21" s="90"/>
    </row>
    <row r="22" spans="2:15" s="42" customFormat="1" ht="15.75" customHeight="1">
      <c r="B22" s="43"/>
      <c r="C22" s="47"/>
      <c r="D22" s="48"/>
      <c r="E22" s="49" t="s">
        <v>477</v>
      </c>
      <c r="F22" s="91"/>
      <c r="G22" s="91"/>
      <c r="H22" s="91"/>
      <c r="I22" s="91"/>
      <c r="J22" s="91"/>
      <c r="K22" s="91"/>
      <c r="L22" s="91"/>
      <c r="M22" s="92"/>
      <c r="N22" s="93"/>
      <c r="O22" s="94"/>
    </row>
    <row r="23" spans="2:15" s="42" customFormat="1" ht="15.75" customHeight="1">
      <c r="B23" s="43"/>
      <c r="C23" s="40"/>
      <c r="D23" s="83"/>
      <c r="E23" s="59"/>
      <c r="F23" s="59"/>
      <c r="G23" s="59"/>
      <c r="H23" s="59"/>
      <c r="I23" s="59"/>
      <c r="J23" s="59"/>
      <c r="K23" s="59"/>
      <c r="L23" s="59"/>
      <c r="M23" s="60"/>
      <c r="N23" s="19"/>
      <c r="O23" s="20"/>
    </row>
    <row r="24" spans="2:15" s="42" customFormat="1" ht="15" customHeight="1">
      <c r="B24" s="43"/>
      <c r="C24" s="40"/>
      <c r="D24" s="83"/>
      <c r="E24" s="59"/>
      <c r="F24" s="59"/>
      <c r="G24" s="59"/>
      <c r="H24" s="59"/>
      <c r="I24" s="59"/>
      <c r="J24" s="59"/>
      <c r="K24" s="59"/>
      <c r="L24" s="59"/>
      <c r="M24" s="60"/>
      <c r="N24" s="19"/>
      <c r="O24" s="20"/>
    </row>
    <row r="25" spans="2:15" s="42" customFormat="1" ht="15" customHeight="1">
      <c r="B25" s="43"/>
      <c r="C25" s="40"/>
      <c r="D25" s="83"/>
      <c r="E25" s="59"/>
      <c r="F25" s="59"/>
      <c r="G25" s="59"/>
      <c r="H25" s="59"/>
      <c r="I25" s="59"/>
      <c r="J25" s="59"/>
      <c r="K25" s="59"/>
      <c r="L25" s="59"/>
      <c r="M25" s="60"/>
      <c r="N25" s="19"/>
      <c r="O25" s="20"/>
    </row>
    <row r="26" spans="2:15" s="42" customFormat="1" ht="15" customHeight="1">
      <c r="B26" s="43"/>
      <c r="C26" s="40"/>
      <c r="D26" s="83"/>
      <c r="E26" s="59"/>
      <c r="F26" s="59"/>
      <c r="G26" s="59"/>
      <c r="H26" s="59"/>
      <c r="I26" s="59"/>
      <c r="J26" s="59"/>
      <c r="K26" s="59"/>
      <c r="L26" s="59"/>
      <c r="M26" s="60"/>
      <c r="N26" s="19"/>
      <c r="O26" s="20"/>
    </row>
    <row r="27" spans="2:15" s="42" customFormat="1" ht="15" customHeight="1">
      <c r="B27" s="43"/>
      <c r="C27" s="40"/>
      <c r="D27" s="83"/>
      <c r="E27" s="59"/>
      <c r="F27" s="59"/>
      <c r="G27" s="59"/>
      <c r="H27" s="59"/>
      <c r="I27" s="59"/>
      <c r="J27" s="59"/>
      <c r="K27" s="59"/>
      <c r="L27" s="59"/>
      <c r="M27" s="60"/>
      <c r="N27" s="19"/>
      <c r="O27" s="20"/>
    </row>
    <row r="28" spans="2:15" s="42" customFormat="1" ht="15" customHeight="1">
      <c r="B28" s="43"/>
      <c r="C28" s="40"/>
      <c r="D28" s="83"/>
      <c r="E28" s="59"/>
      <c r="F28" s="59"/>
      <c r="G28" s="59"/>
      <c r="H28" s="59"/>
      <c r="I28" s="59"/>
      <c r="J28" s="59"/>
      <c r="K28" s="59"/>
      <c r="L28" s="59"/>
      <c r="M28" s="60"/>
      <c r="N28" s="19"/>
      <c r="O28" s="20"/>
    </row>
    <row r="29" spans="2:15" s="42" customFormat="1" ht="15" customHeight="1">
      <c r="B29" s="43"/>
      <c r="C29" s="40"/>
      <c r="D29" s="83"/>
      <c r="E29" s="59"/>
      <c r="F29" s="59"/>
      <c r="G29" s="59"/>
      <c r="H29" s="59"/>
      <c r="I29" s="59"/>
      <c r="J29" s="59"/>
      <c r="K29" s="59"/>
      <c r="L29" s="59"/>
      <c r="M29" s="60"/>
      <c r="N29" s="19"/>
      <c r="O29" s="20"/>
    </row>
    <row r="30" spans="2:15" s="42" customFormat="1" ht="15" customHeight="1">
      <c r="B30" s="43"/>
      <c r="C30" s="40"/>
      <c r="D30" s="83"/>
      <c r="E30" s="59"/>
      <c r="F30" s="59"/>
      <c r="G30" s="59"/>
      <c r="H30" s="59"/>
      <c r="I30" s="59"/>
      <c r="J30" s="59"/>
      <c r="K30" s="59"/>
      <c r="L30" s="59"/>
      <c r="M30" s="60"/>
      <c r="N30" s="19"/>
      <c r="O30" s="20"/>
    </row>
    <row r="31" spans="2:15" s="42" customFormat="1" ht="15" customHeight="1">
      <c r="B31" s="50"/>
      <c r="C31" s="40"/>
      <c r="D31" s="83"/>
      <c r="E31" s="59"/>
      <c r="F31" s="59"/>
      <c r="G31" s="59"/>
      <c r="H31" s="59"/>
      <c r="I31" s="59"/>
      <c r="J31" s="59"/>
      <c r="K31" s="59"/>
      <c r="L31" s="59"/>
      <c r="M31" s="60"/>
      <c r="N31" s="19"/>
      <c r="O31" s="20"/>
    </row>
    <row r="32" spans="2:15" s="42" customFormat="1" ht="15" customHeight="1">
      <c r="B32" s="43"/>
      <c r="C32" s="40"/>
      <c r="D32" s="83"/>
      <c r="E32" s="59"/>
      <c r="F32" s="59"/>
      <c r="G32" s="59"/>
      <c r="H32" s="59"/>
      <c r="I32" s="59"/>
      <c r="J32" s="59"/>
      <c r="K32" s="59"/>
      <c r="L32" s="59"/>
      <c r="M32" s="60"/>
      <c r="N32" s="19"/>
      <c r="O32" s="20"/>
    </row>
    <row r="33" spans="2:15" s="42" customFormat="1" ht="15" customHeight="1">
      <c r="B33" s="43"/>
      <c r="C33" s="40"/>
      <c r="D33" s="83"/>
      <c r="E33" s="59"/>
      <c r="F33" s="59"/>
      <c r="G33" s="59"/>
      <c r="H33" s="59"/>
      <c r="I33" s="59"/>
      <c r="J33" s="59"/>
      <c r="K33" s="59"/>
      <c r="L33" s="59"/>
      <c r="M33" s="60"/>
      <c r="N33" s="19"/>
      <c r="O33" s="20"/>
    </row>
    <row r="34" spans="2:15" s="42" customFormat="1" ht="15.75" customHeight="1" thickBot="1">
      <c r="B34" s="52"/>
      <c r="C34" s="41"/>
      <c r="D34" s="84"/>
      <c r="E34" s="85"/>
      <c r="F34" s="85"/>
      <c r="G34" s="85"/>
      <c r="H34" s="85"/>
      <c r="I34" s="85"/>
      <c r="J34" s="85"/>
      <c r="K34" s="85"/>
      <c r="L34" s="85"/>
      <c r="M34" s="86"/>
      <c r="N34" s="53"/>
      <c r="O34" s="54"/>
    </row>
    <row r="35" spans="2:15">
      <c r="B35" s="16"/>
      <c r="D35" s="42"/>
      <c r="E35" s="42"/>
      <c r="F35" s="42"/>
      <c r="G35" s="42"/>
      <c r="H35" s="42"/>
      <c r="I35" s="42"/>
      <c r="J35" s="42"/>
      <c r="K35" s="42"/>
      <c r="L35" s="42"/>
      <c r="M35" s="42"/>
    </row>
    <row r="36" spans="2:15">
      <c r="B36" s="16"/>
      <c r="C36" s="82" t="s">
        <v>475</v>
      </c>
      <c r="D36" s="42"/>
      <c r="E36" s="42"/>
      <c r="F36" s="42"/>
      <c r="G36" s="42"/>
      <c r="H36" s="42"/>
      <c r="I36" s="42"/>
      <c r="J36" s="42"/>
      <c r="K36" s="42"/>
      <c r="L36" s="42"/>
      <c r="M36" s="42"/>
    </row>
    <row r="37" spans="2:15">
      <c r="B37" s="16"/>
      <c r="D37" s="42"/>
      <c r="E37" s="42"/>
      <c r="F37" s="42"/>
      <c r="G37" s="42"/>
      <c r="H37" s="42"/>
      <c r="I37" s="42"/>
      <c r="J37" s="42"/>
      <c r="K37" s="42"/>
      <c r="L37" s="42"/>
      <c r="M37" s="42"/>
    </row>
  </sheetData>
  <sheetProtection password="98D8" sheet="1" objects="1" scenarios="1" selectLockedCells="1"/>
  <mergeCells count="20">
    <mergeCell ref="D29:M29"/>
    <mergeCell ref="D30:M30"/>
    <mergeCell ref="D31:M31"/>
    <mergeCell ref="D32:M32"/>
    <mergeCell ref="D33:M33"/>
    <mergeCell ref="D34:M34"/>
    <mergeCell ref="D23:M23"/>
    <mergeCell ref="D24:M24"/>
    <mergeCell ref="D25:M25"/>
    <mergeCell ref="D26:M26"/>
    <mergeCell ref="D27:M27"/>
    <mergeCell ref="D28:M28"/>
    <mergeCell ref="C6:E6"/>
    <mergeCell ref="C7:E7"/>
    <mergeCell ref="E9:M9"/>
    <mergeCell ref="E21:M21"/>
    <mergeCell ref="E22:M22"/>
    <mergeCell ref="L3:O3"/>
    <mergeCell ref="L6:O6"/>
    <mergeCell ref="L7:O7"/>
  </mergeCells>
  <pageMargins left="0.7" right="0.7" top="0.78740157499999996" bottom="0.78740157499999996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2</vt:i4>
      </vt:variant>
    </vt:vector>
  </HeadingPairs>
  <TitlesOfParts>
    <vt:vector size="2" baseType="lpstr">
      <vt:lpstr>Einzel-Erkrankungen</vt:lpstr>
      <vt:lpstr>Klassifikation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ill Voigtländer</dc:creator>
  <cp:lastModifiedBy>till.voigtlaender</cp:lastModifiedBy>
  <dcterms:created xsi:type="dcterms:W3CDTF">2013-05-25T20:02:06Z</dcterms:created>
  <dcterms:modified xsi:type="dcterms:W3CDTF">2013-07-16T16:35:20Z</dcterms:modified>
</cp:coreProperties>
</file>